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2101\調達課\group\005調達第二\平成31年度\13_随意契約による物品購入状況の公表\02_公表作業\31_3Q\03_エクセル\02 貼付用\"/>
    </mc:Choice>
  </mc:AlternateContent>
  <bookViews>
    <workbookView xWindow="0" yWindow="0" windowWidth="19200" windowHeight="7310"/>
  </bookViews>
  <sheets>
    <sheet name="公表用" sheetId="7" r:id="rId1"/>
  </sheets>
  <definedNames>
    <definedName name="_xlnm._FilterDatabase" localSheetId="0" hidden="1">公表用!$A$1:$I$201</definedName>
    <definedName name="_xlnm.Print_Area" localSheetId="0">公表用!$A$1:$I$201</definedName>
    <definedName name="_xlnm.Print_Titles" localSheetId="0">公表用!$1:$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209" uniqueCount="644">
  <si>
    <t>年度</t>
    <rPh sb="0" eb="2">
      <t>ネンド</t>
    </rPh>
    <phoneticPr fontId="4"/>
  </si>
  <si>
    <t>所属名</t>
    <rPh sb="0" eb="2">
      <t>ショゾク</t>
    </rPh>
    <rPh sb="2" eb="3">
      <t>メイ</t>
    </rPh>
    <phoneticPr fontId="4"/>
  </si>
  <si>
    <t>支出負担
行為番号</t>
    <rPh sb="0" eb="2">
      <t>シシュツ</t>
    </rPh>
    <rPh sb="2" eb="4">
      <t>フタン</t>
    </rPh>
    <rPh sb="5" eb="7">
      <t>コウイ</t>
    </rPh>
    <rPh sb="7" eb="9">
      <t>バンゴウ</t>
    </rPh>
    <phoneticPr fontId="4"/>
  </si>
  <si>
    <t>件名</t>
    <rPh sb="0" eb="2">
      <t>ケンメイ</t>
    </rPh>
    <phoneticPr fontId="4"/>
  </si>
  <si>
    <t>契約金額</t>
    <rPh sb="0" eb="2">
      <t>ケイヤク</t>
    </rPh>
    <rPh sb="2" eb="4">
      <t>キンガク</t>
    </rPh>
    <phoneticPr fontId="4"/>
  </si>
  <si>
    <t>契約相手方</t>
    <rPh sb="0" eb="2">
      <t>ケイヤク</t>
    </rPh>
    <rPh sb="2" eb="4">
      <t>アイテ</t>
    </rPh>
    <rPh sb="4" eb="5">
      <t>カタ</t>
    </rPh>
    <phoneticPr fontId="4"/>
  </si>
  <si>
    <t>法人番号</t>
  </si>
  <si>
    <t>決裁日</t>
    <rPh sb="0" eb="2">
      <t>ケッサイ</t>
    </rPh>
    <rPh sb="2" eb="3">
      <t>ビ</t>
    </rPh>
    <phoneticPr fontId="4"/>
  </si>
  <si>
    <t>総務局</t>
  </si>
  <si>
    <t>情報システム課</t>
  </si>
  <si>
    <t>449206</t>
  </si>
  <si>
    <t>消耗品（８ポートＦＸＯゲートウェイ）購入代</t>
  </si>
  <si>
    <t>都築電気（株）神奈川支店　支店長　島口　裕美</t>
  </si>
  <si>
    <t>9010401054908</t>
  </si>
  <si>
    <t>458887</t>
  </si>
  <si>
    <t>モバイルバッテリーの購入代</t>
  </si>
  <si>
    <t>株式会社タック・ポート　代表取締役　村上　尚</t>
  </si>
  <si>
    <t>6020001018001</t>
  </si>
  <si>
    <t>486649</t>
  </si>
  <si>
    <t>複写機用再生紙代（下半期）</t>
  </si>
  <si>
    <t>桔梗屋紙商事（株）　代表取締役　早瀬　照洋</t>
  </si>
  <si>
    <t>5020001128924</t>
  </si>
  <si>
    <t>551118</t>
  </si>
  <si>
    <t>消耗品（ＬＥＤ懐中電灯ほか）購入代</t>
  </si>
  <si>
    <t>（有）ハマ商事　代表取締役　新井　秀和</t>
  </si>
  <si>
    <t>3020002027813</t>
  </si>
  <si>
    <t>551766</t>
  </si>
  <si>
    <t>消耗品（ゴム印）購入代</t>
  </si>
  <si>
    <t>（株）実門堂　代表取締役　大熊　信良</t>
  </si>
  <si>
    <t>1020001026859</t>
  </si>
  <si>
    <t>581541</t>
  </si>
  <si>
    <t>リースアップパソコン購入代</t>
  </si>
  <si>
    <t>東京センチュリー（株）　横浜支店長　近藤　努</t>
  </si>
  <si>
    <t>6010401015821</t>
  </si>
  <si>
    <t>581852</t>
  </si>
  <si>
    <t>電算用消耗品（スリット付台板）の購入代</t>
  </si>
  <si>
    <t>（株）ねずらむ　代表取締役　阿久津　晄</t>
  </si>
  <si>
    <t>7020001024114</t>
  </si>
  <si>
    <t>581861</t>
  </si>
  <si>
    <t>消耗品（ＳＤメモリーカードほか）の購入代</t>
  </si>
  <si>
    <t>（株）ボーテックス　代表取締役　西舘　秀明</t>
  </si>
  <si>
    <t>4020001015966</t>
  </si>
  <si>
    <t>税務指導課</t>
  </si>
  <si>
    <t>380411</t>
  </si>
  <si>
    <t>(税務指導課)消耗品(領収済通知書整理箱ほか)購入代</t>
  </si>
  <si>
    <t>大興紙工（株）　代表取締役　前原　彰仁</t>
  </si>
  <si>
    <t>4020001020818</t>
  </si>
  <si>
    <t>395897</t>
  </si>
  <si>
    <t>（税務指導課）消耗品（データ用DVD-RAM）購入代</t>
  </si>
  <si>
    <t>（株）トシダ　代表取締役　土志田　仁</t>
  </si>
  <si>
    <t>5020001015536</t>
  </si>
  <si>
    <t>475759</t>
  </si>
  <si>
    <t>袖机解錠作業代</t>
  </si>
  <si>
    <t>（有）なみき　代表取締役　並木　光雄</t>
  </si>
  <si>
    <t>2020002030933</t>
  </si>
  <si>
    <t>489240</t>
  </si>
  <si>
    <t>連続伝票用紙（ストックフォーム）購入代</t>
  </si>
  <si>
    <t>（有）伊勢万　代表取締役　鈴木　伸好</t>
  </si>
  <si>
    <t>2021002050979</t>
  </si>
  <si>
    <t>518021</t>
  </si>
  <si>
    <t>リボンカートリッジ購入代</t>
  </si>
  <si>
    <t>（有）高橋書店　取締役　鈴木　新市</t>
  </si>
  <si>
    <t>8020002043632</t>
  </si>
  <si>
    <t>ＩＣＴ・データ戦略課</t>
  </si>
  <si>
    <t>401085</t>
  </si>
  <si>
    <t>（ＩＣＴ・データ戦略課）書籍の購入（ＲＰＡの真髄）</t>
  </si>
  <si>
    <t>（株）弘集堂本店　代表取締役　天野　潔</t>
  </si>
  <si>
    <t>1020001026388</t>
  </si>
  <si>
    <t>496129</t>
  </si>
  <si>
    <t>消耗品（ＯＡデスクマットほか）購入代</t>
  </si>
  <si>
    <t>（株）トミヤ　代表取締役　佐久間　聡</t>
  </si>
  <si>
    <t>5020001035006</t>
  </si>
  <si>
    <t>581844</t>
  </si>
  <si>
    <t>加除式図書（番号法実務質疑応答集）の購入代</t>
  </si>
  <si>
    <t>総務室</t>
  </si>
  <si>
    <t>375336</t>
  </si>
  <si>
    <t>（総務室）支払督促の申立に係る郵便切手等の購入</t>
  </si>
  <si>
    <t/>
  </si>
  <si>
    <t>総務室　前渡金受領職員</t>
    <phoneticPr fontId="3"/>
  </si>
  <si>
    <t>412531</t>
  </si>
  <si>
    <t>（総務室）カレンダー他の購入</t>
  </si>
  <si>
    <t>（株）染谷商店　代表取締役　広瀬　雅義</t>
  </si>
  <si>
    <t>4020001015231</t>
  </si>
  <si>
    <t>459814</t>
  </si>
  <si>
    <t>図書購入代</t>
  </si>
  <si>
    <t>510972</t>
  </si>
  <si>
    <t>インナーバッグ他購入代</t>
  </si>
  <si>
    <t>545332</t>
  </si>
  <si>
    <t>事務机ほか購入代</t>
  </si>
  <si>
    <t>（株）有隣堂　代表取締役　松信　裕</t>
  </si>
  <si>
    <t>2020001029308</t>
  </si>
  <si>
    <t>人事課</t>
  </si>
  <si>
    <t>447345</t>
  </si>
  <si>
    <t>職員功績賞副賞購入代</t>
  </si>
  <si>
    <t>（有）ヤマキ文具店　代表取締役　八巻　健司</t>
  </si>
  <si>
    <t>7020002052519</t>
  </si>
  <si>
    <t>447371</t>
  </si>
  <si>
    <t>書籍代</t>
  </si>
  <si>
    <t>449783</t>
  </si>
  <si>
    <t>職員功績賞副賞（菓子）購入代</t>
  </si>
  <si>
    <t>社会福祉法人進和学園　施設長　庭野　勉</t>
  </si>
  <si>
    <t>7021005006783</t>
  </si>
  <si>
    <t>462734</t>
  </si>
  <si>
    <t>事務用消耗品購入代</t>
  </si>
  <si>
    <t>ゴールデン文具（株）　代表取締役　平出　晴久</t>
  </si>
  <si>
    <t>5020001026500</t>
  </si>
  <si>
    <t>465750</t>
  </si>
  <si>
    <t>神奈川県職員功績賞副賞代</t>
  </si>
  <si>
    <t>（福）横浜愛育会おおぐち工房　総施設長　山崎　裕之</t>
  </si>
  <si>
    <t>2020005006187</t>
  </si>
  <si>
    <t>520437</t>
  </si>
  <si>
    <t>神奈川県職員徽章購入代</t>
  </si>
  <si>
    <t>松本徽章（株）　代表取締役　松本　光政</t>
  </si>
  <si>
    <t>9020001028947</t>
  </si>
  <si>
    <t>534209</t>
  </si>
  <si>
    <t>加湿器ほか購入代</t>
  </si>
  <si>
    <t>日生商工（株）　代表取締役　小見山　泰幸</t>
  </si>
  <si>
    <t>8020001000337</t>
  </si>
  <si>
    <t>546045</t>
  </si>
  <si>
    <t>HDMIケーブル他購入代</t>
  </si>
  <si>
    <t>（株）ドヴァ　代表取締役　土橋　整</t>
  </si>
  <si>
    <t>8020001041884</t>
  </si>
  <si>
    <t>財政課</t>
  </si>
  <si>
    <t>418991</t>
  </si>
  <si>
    <t>（財政課）カラープリンターの購入</t>
  </si>
  <si>
    <t>429566</t>
  </si>
  <si>
    <t>（財政課）収受印ほかの購入</t>
  </si>
  <si>
    <t>502599</t>
  </si>
  <si>
    <t>図書代（名簿）</t>
  </si>
  <si>
    <t>（一財）地方財務協会　事務局長　菊池　雄三</t>
  </si>
  <si>
    <t>5010005002960</t>
  </si>
  <si>
    <t>505991</t>
  </si>
  <si>
    <t>消耗品（トナー）購入代</t>
  </si>
  <si>
    <t>税制企画課</t>
  </si>
  <si>
    <t>365956</t>
  </si>
  <si>
    <t>(税制企画課)消耗品(テプラ)購入代</t>
  </si>
  <si>
    <t>395487</t>
  </si>
  <si>
    <t>（税制企画課）納税功労表彰に係る生花代</t>
  </si>
  <si>
    <t>（株）ガーランドフェア　代表取締役　福田　早穂</t>
  </si>
  <si>
    <t>3020001048182</t>
  </si>
  <si>
    <t>434821</t>
  </si>
  <si>
    <t>（株）マルハチ　代表取締役　八木　幹雄</t>
  </si>
  <si>
    <t>4020001018845</t>
  </si>
  <si>
    <t>434955</t>
  </si>
  <si>
    <t>図書（改正地方税制詳解）購入代</t>
  </si>
  <si>
    <t>（株）横浜日経社　代表取締役　浅野　容三</t>
  </si>
  <si>
    <t>3020001029587</t>
  </si>
  <si>
    <t>494042</t>
  </si>
  <si>
    <t>消耗品（インクカートリッジほか）購入代</t>
  </si>
  <si>
    <t>532010</t>
  </si>
  <si>
    <t>図書（会社四季報ほか）購入代</t>
  </si>
  <si>
    <t>546047</t>
  </si>
  <si>
    <t>消耗品（チューブファイルほか）購入代</t>
  </si>
  <si>
    <t>546704</t>
  </si>
  <si>
    <t>住宅地図購入代（下半期分）</t>
  </si>
  <si>
    <t>（有）鈴文堂　代表取締役　鈴木　博</t>
  </si>
  <si>
    <t>5020002032142</t>
  </si>
  <si>
    <t>給与事務センター</t>
  </si>
  <si>
    <t>401208</t>
  </si>
  <si>
    <t>ゴム印代</t>
  </si>
  <si>
    <t>450516</t>
  </si>
  <si>
    <t>事務用消耗品</t>
  </si>
  <si>
    <t>478686</t>
  </si>
  <si>
    <t>キーボードの購入</t>
  </si>
  <si>
    <t>（株）後藤商会　代表取締役　後藤　由己</t>
  </si>
  <si>
    <t>8020001000659</t>
  </si>
  <si>
    <t>509916</t>
  </si>
  <si>
    <t>複写機用再生紙（特定あっせん）</t>
  </si>
  <si>
    <t>（株）横浜コンピューターサプライ　代表取締役　池田　広</t>
  </si>
  <si>
    <t>7020001013975</t>
  </si>
  <si>
    <t>文書課</t>
  </si>
  <si>
    <t>365774</t>
  </si>
  <si>
    <t>（文書課）リソグラフ用インク購入代</t>
  </si>
  <si>
    <t>391353</t>
  </si>
  <si>
    <t>（文書課）毛筆清書用式辞用紙等購入</t>
  </si>
  <si>
    <t>協和貿易（株）　代表取締役　渡邉　雄太郎</t>
  </si>
  <si>
    <t>2010001001977</t>
  </si>
  <si>
    <t>504148</t>
  </si>
  <si>
    <t>カラー複写機用紙購入代</t>
  </si>
  <si>
    <t>（有）ミドリ事務機　代表取締役　渡部　孝一</t>
  </si>
  <si>
    <t>4020002005009</t>
  </si>
  <si>
    <t>横浜県税事務所</t>
  </si>
  <si>
    <t>373105</t>
  </si>
  <si>
    <t>下半期複写機用再生紙の購入について</t>
  </si>
  <si>
    <t>386099</t>
  </si>
  <si>
    <t>前渡金支出による消耗品の購入代について（10月分）</t>
  </si>
  <si>
    <t>横浜県税事務所　前渡金受領職員</t>
    <phoneticPr fontId="3"/>
  </si>
  <si>
    <t>432135</t>
  </si>
  <si>
    <t>ゴム印等の購入費</t>
  </si>
  <si>
    <t>455465</t>
  </si>
  <si>
    <t>ファイリングキャビネットの購入費</t>
  </si>
  <si>
    <t>有限会社　濱屋　代表取締役　田中　信義</t>
  </si>
  <si>
    <t>5020002044559</t>
  </si>
  <si>
    <t>493941</t>
  </si>
  <si>
    <t>トイレットペーパーの購入費</t>
  </si>
  <si>
    <t>（株）エム．アンド．オー．インダストリー　代表取締役　町側　烈士</t>
  </si>
  <si>
    <t>6020001016797</t>
  </si>
  <si>
    <t>574259</t>
  </si>
  <si>
    <t>新聞購読料（日本経済新聞セット）（第４四半期分）</t>
  </si>
  <si>
    <t>574285</t>
  </si>
  <si>
    <t>新聞購読料（朝日新聞・神奈川新聞）（第４四半期分）</t>
  </si>
  <si>
    <t>ＡＳＡ関内　所長　出本　啓司</t>
  </si>
  <si>
    <t>5020001048577</t>
  </si>
  <si>
    <t>神奈川県税事務所</t>
  </si>
  <si>
    <t>365232</t>
  </si>
  <si>
    <t>2019年度　下半期　複写機用再生紙の調達について</t>
  </si>
  <si>
    <t>392284</t>
  </si>
  <si>
    <t>カレンダーの購入について</t>
  </si>
  <si>
    <t>（有）酒井　代表取締役　酒井　純一</t>
  </si>
  <si>
    <t>7020002038204</t>
  </si>
  <si>
    <t>505616</t>
  </si>
  <si>
    <t>ゴム印の購入</t>
  </si>
  <si>
    <t>509080</t>
  </si>
  <si>
    <t>アルコール検知器他３点の購入</t>
  </si>
  <si>
    <t>株式会社　コジマ　Ｋ×Ｂ横浜大口店　店長　金子　太郎</t>
  </si>
  <si>
    <t>2060001001667</t>
  </si>
  <si>
    <t>544661</t>
  </si>
  <si>
    <t>プリンタラック他11点の購入代</t>
  </si>
  <si>
    <t>579847</t>
  </si>
  <si>
    <t>令和元年度　第４四半期新聞代</t>
  </si>
  <si>
    <t>有限会社　大石新聞販売　代表取締役　大石　基裕</t>
  </si>
  <si>
    <t>1020002059569</t>
  </si>
  <si>
    <t>579848</t>
  </si>
  <si>
    <t>ニュースサービス日経横浜　代表　古川　哲也</t>
  </si>
  <si>
    <t>横須賀県税事務所</t>
  </si>
  <si>
    <t>391066</t>
  </si>
  <si>
    <t>封筒印刷について</t>
  </si>
  <si>
    <t>社会福祉法人　貴峯　貴峯荘ワークピア　理事長　岩渕　壽郎</t>
  </si>
  <si>
    <t>5021005006777</t>
  </si>
  <si>
    <t>391689</t>
  </si>
  <si>
    <t>インクジェット用はがき用紙ほか６品目の購入</t>
  </si>
  <si>
    <t>三洋株式会社　代表取締役　清水　浩</t>
  </si>
  <si>
    <t>9021001040438</t>
  </si>
  <si>
    <t>423603</t>
  </si>
  <si>
    <t>消耗品（吊看板の作成）購入代</t>
  </si>
  <si>
    <t>有限会社サイン工房　代表取締役　佐久間　由二</t>
  </si>
  <si>
    <t>8021002070682</t>
  </si>
  <si>
    <t>439101</t>
  </si>
  <si>
    <t>複写機用再生紙の購入代（10月分）</t>
  </si>
  <si>
    <t>（株）よしかわオフィス　代表取締役　吉川　文憲</t>
  </si>
  <si>
    <t>4021001041291</t>
  </si>
  <si>
    <t>445252</t>
  </si>
  <si>
    <t>消耗品（オイルジョッキほか）等購入代</t>
  </si>
  <si>
    <t>（有）山仙商店　代表取締役　山田　公一</t>
  </si>
  <si>
    <t>2021002067445</t>
  </si>
  <si>
    <t>475286</t>
  </si>
  <si>
    <t>消耗品（カレンダーほか）購入代</t>
  </si>
  <si>
    <t>556329</t>
  </si>
  <si>
    <t>写真代（横須賀県税事務所納税功労表彰式）</t>
  </si>
  <si>
    <t>フジカラープラザ横須賀中央　代表　角田　晃</t>
  </si>
  <si>
    <t>573941</t>
  </si>
  <si>
    <t>新聞代（第４四半期分）</t>
  </si>
  <si>
    <t>株式会社Ｙ・Ｃ・Ｉ　代表取締役　石井　雄一</t>
  </si>
  <si>
    <t>3021001044353</t>
  </si>
  <si>
    <t>580910</t>
  </si>
  <si>
    <t>消耗品（キャリーバッグほか）購入代</t>
  </si>
  <si>
    <t>川崎県税事務所</t>
  </si>
  <si>
    <t>362923</t>
  </si>
  <si>
    <t>納税用図書購入代</t>
  </si>
  <si>
    <t>377263</t>
  </si>
  <si>
    <t>令和元年度上半期複写機用再生紙購入代（９月分）</t>
  </si>
  <si>
    <t>アルマーク（株）　代表取締役　酒井　一宏</t>
  </si>
  <si>
    <t>4020001076380</t>
  </si>
  <si>
    <t>389641</t>
  </si>
  <si>
    <t>消耗品購入代（10月分）</t>
  </si>
  <si>
    <t>有限会社シオヤ文具　代表取締役　塩谷　竜一</t>
  </si>
  <si>
    <t>9020002097454</t>
  </si>
  <si>
    <t>430820</t>
  </si>
  <si>
    <t>ルームプレート製作代</t>
  </si>
  <si>
    <t>野崎印刷紙器株式会社　代表取締役　野崎　博一</t>
  </si>
  <si>
    <t>8020001071378</t>
  </si>
  <si>
    <t>440461</t>
  </si>
  <si>
    <t>鍵付きバッグ購入代</t>
  </si>
  <si>
    <t>480921</t>
  </si>
  <si>
    <t>防犯カメラ設置工事代</t>
  </si>
  <si>
    <t>大栄電子株式会社　代表取締役　凝地　明</t>
  </si>
  <si>
    <t>3020001023680</t>
  </si>
  <si>
    <t>483667</t>
  </si>
  <si>
    <t>消耗品代（11月分）</t>
  </si>
  <si>
    <t>525798</t>
  </si>
  <si>
    <t>複写機用再生紙購入代（11月分）</t>
  </si>
  <si>
    <t>545590</t>
  </si>
  <si>
    <t>消耗品代（12月分）</t>
  </si>
  <si>
    <t>有限会社ヤマキ文具店　代表取締役　八巻　健司</t>
  </si>
  <si>
    <t>576863</t>
  </si>
  <si>
    <t>新聞代（神奈川新聞第４四半期分）</t>
  </si>
  <si>
    <t>読売センター　川崎駅前　所長　酒井　良衛</t>
  </si>
  <si>
    <t>576870</t>
  </si>
  <si>
    <t>新聞代（日本経済新聞第４四半期分）</t>
  </si>
  <si>
    <t>株式会社澤橋新聞店　代表取締役　澤橋　透</t>
  </si>
  <si>
    <t>4020001105742</t>
  </si>
  <si>
    <t>高津県税事務所</t>
  </si>
  <si>
    <t>360840</t>
  </si>
  <si>
    <t>複写再生用紙の購入について（１０月分）</t>
  </si>
  <si>
    <t>457686</t>
  </si>
  <si>
    <t>消耗品購入代</t>
  </si>
  <si>
    <t>高津県税事務所　前渡金受領職員</t>
    <phoneticPr fontId="3"/>
  </si>
  <si>
    <t>510062</t>
  </si>
  <si>
    <t>570446</t>
  </si>
  <si>
    <t>新聞購読料</t>
  </si>
  <si>
    <t>株式会社　掛川エンタープライズ　代表取締役　掛川　保之</t>
  </si>
  <si>
    <t>9020001066047</t>
  </si>
  <si>
    <t>582080</t>
  </si>
  <si>
    <t>ゴム印購入代</t>
  </si>
  <si>
    <t>（有）伊藤商店　代表取締役　伊藤　幸恵</t>
  </si>
  <si>
    <t>1020002080228</t>
  </si>
  <si>
    <t>藤沢県税事務所</t>
  </si>
  <si>
    <t>401455</t>
  </si>
  <si>
    <t>テプラＰＲＯカートリッジ　ほか消耗品</t>
  </si>
  <si>
    <t>有限会社ユザワ文具　代表取締役　廣瀬　繁</t>
  </si>
  <si>
    <t>7021002005227</t>
  </si>
  <si>
    <t>405444</t>
  </si>
  <si>
    <t>複写機用再生紙購入代</t>
  </si>
  <si>
    <t>（有）やなぎや　代表取締役　神保　敏由</t>
  </si>
  <si>
    <t>3021002012598</t>
  </si>
  <si>
    <t>424480</t>
  </si>
  <si>
    <t>消耗品購入代（11月分）</t>
  </si>
  <si>
    <t>藤沢県税事務所　前渡金受領職員</t>
    <phoneticPr fontId="3"/>
  </si>
  <si>
    <t>441868</t>
  </si>
  <si>
    <t>トイレットペーパー購入代</t>
  </si>
  <si>
    <t>ニッパ（株）　代表取締役　秋本　りつ子</t>
  </si>
  <si>
    <t>2020001021339</t>
  </si>
  <si>
    <t>453615</t>
  </si>
  <si>
    <t>ＨＤＭＩケーブルほか消耗品の購入代</t>
  </si>
  <si>
    <t>（有）扇矢　代表取締役　亀井　茂</t>
  </si>
  <si>
    <t>6021002057079</t>
  </si>
  <si>
    <t>483731</t>
  </si>
  <si>
    <t>鍵付きカバン購入代</t>
  </si>
  <si>
    <t>492760</t>
  </si>
  <si>
    <t>消耗品購入代（12月分）</t>
  </si>
  <si>
    <t>497146</t>
  </si>
  <si>
    <t>リボンカートリッジの購入代</t>
  </si>
  <si>
    <t>497241</t>
  </si>
  <si>
    <t>カレンダーの購入代</t>
  </si>
  <si>
    <t>529115</t>
  </si>
  <si>
    <t>ゴム印の購入代</t>
  </si>
  <si>
    <t>スワ印房　代表　諏訪　吉秋</t>
  </si>
  <si>
    <t>580739</t>
  </si>
  <si>
    <t>消耗品購入代（1月分）</t>
  </si>
  <si>
    <t>相模原県税事務所</t>
  </si>
  <si>
    <t>481922</t>
  </si>
  <si>
    <t>灯油缶等の購入代</t>
  </si>
  <si>
    <t>（株）ミリオン事務機器　代表取締役　吉野　賢治</t>
  </si>
  <si>
    <t>5021001016219</t>
  </si>
  <si>
    <t>484447</t>
  </si>
  <si>
    <t>軽油調査用消耗品の購入代</t>
  </si>
  <si>
    <t>（株）江田商会　代表取締役　原田　義富</t>
  </si>
  <si>
    <t>2020001012577</t>
  </si>
  <si>
    <t>485039</t>
  </si>
  <si>
    <t>カレンダー等の購入代</t>
  </si>
  <si>
    <t>503161</t>
  </si>
  <si>
    <t>石油ファンヒーターの購入代</t>
  </si>
  <si>
    <t>株式会社　ヤマダ電機相模原営業所　所長　鈴木　昭宏</t>
  </si>
  <si>
    <t>4070001011201</t>
  </si>
  <si>
    <t>525585</t>
  </si>
  <si>
    <t>カーナビ用スタンド等の購入代</t>
  </si>
  <si>
    <t>神奈中タクシー（株）　取締役社長　福山　裕</t>
  </si>
  <si>
    <t>1021001024472</t>
  </si>
  <si>
    <t>568213</t>
  </si>
  <si>
    <t>庁用雑品（トイレットペーパー）の購入代</t>
  </si>
  <si>
    <t>572920</t>
  </si>
  <si>
    <t>新聞購読料（第４四半期分）</t>
  </si>
  <si>
    <t>読売センター相模大野　所長　田上　鋼一</t>
  </si>
  <si>
    <t>572978</t>
  </si>
  <si>
    <t>津久井支所分新聞購読料（第４四半期分）</t>
  </si>
  <si>
    <t>（有）津久井新聞販売ステーション　代表取締役　成井　隆</t>
  </si>
  <si>
    <t>9021002029001</t>
  </si>
  <si>
    <t>580586</t>
  </si>
  <si>
    <t>電動アシスト自転車の購入代</t>
  </si>
  <si>
    <t>581226</t>
  </si>
  <si>
    <t>アルカリ乾電池ほか事務用消耗品の購入代</t>
  </si>
  <si>
    <t>平塚県税事務所</t>
  </si>
  <si>
    <t>392282</t>
  </si>
  <si>
    <t>インクリボンの購入について</t>
  </si>
  <si>
    <t>（有）越地書店　代表取締役　越地　祐一郎</t>
  </si>
  <si>
    <t>3021002057734</t>
  </si>
  <si>
    <t>398452</t>
  </si>
  <si>
    <t>消耗品（プリンター用ケーブルほか）購入代</t>
  </si>
  <si>
    <t>429558</t>
  </si>
  <si>
    <t>消耗品（コーヒーほか）購入代</t>
  </si>
  <si>
    <t>500783</t>
  </si>
  <si>
    <t>消耗品（多穴パンチ）購入代</t>
  </si>
  <si>
    <t>506242</t>
  </si>
  <si>
    <t>消耗品（エアダスターほか）購入代</t>
  </si>
  <si>
    <t>518189</t>
  </si>
  <si>
    <t>カレンダー購入代</t>
  </si>
  <si>
    <t>529413</t>
  </si>
  <si>
    <t>（株）田中紙店　代表取締役　田中　耕一</t>
  </si>
  <si>
    <t>4021001036944</t>
  </si>
  <si>
    <t>536581</t>
  </si>
  <si>
    <t>印刷用紙代</t>
  </si>
  <si>
    <t>539720</t>
  </si>
  <si>
    <t>消耗品（カメラ用アームほか）購入代</t>
  </si>
  <si>
    <t>（株）ヤマダ電機　平塚営業所　所長　佐藤　篤史</t>
  </si>
  <si>
    <t>542707</t>
  </si>
  <si>
    <t>消耗品（丸椅子ほか）購入代</t>
  </si>
  <si>
    <t>544194</t>
  </si>
  <si>
    <t>第４四半期新聞購読料として（日本経済新聞・神奈川新聞）</t>
  </si>
  <si>
    <t>読売新聞平塚専売所　所長　松永　慎司</t>
  </si>
  <si>
    <t>小田原県税事務所</t>
  </si>
  <si>
    <t>356659</t>
  </si>
  <si>
    <t>有限会社　若杉印房　代表取締役　若杉　伸之</t>
  </si>
  <si>
    <t>3021002053535</t>
  </si>
  <si>
    <t>371871</t>
  </si>
  <si>
    <t>複写機用再生紙（９月分）</t>
  </si>
  <si>
    <t>（株）エンドー　代表取締役社長　遠藤　卓夫</t>
  </si>
  <si>
    <t>5021001033486</t>
  </si>
  <si>
    <t>373476</t>
  </si>
  <si>
    <t>事務用品購入代</t>
  </si>
  <si>
    <t>404454</t>
  </si>
  <si>
    <t>小学生の税の書道展副賞（ブロンズ）代</t>
  </si>
  <si>
    <t>株式会社カワセ　代表取締役　川瀬　和子</t>
  </si>
  <si>
    <t>6021001032529</t>
  </si>
  <si>
    <t>427776</t>
  </si>
  <si>
    <t>軽油分析用消耗品代</t>
  </si>
  <si>
    <t>447357</t>
  </si>
  <si>
    <t>（株）ヤマダ電機　鴨宮営業所　所長　飯田　将仁</t>
  </si>
  <si>
    <t>457479</t>
  </si>
  <si>
    <t>（株）稲妻屋　代表取締役社長　里見　昌宏</t>
  </si>
  <si>
    <t>2021001032334</t>
  </si>
  <si>
    <t>482332</t>
  </si>
  <si>
    <t>483664</t>
  </si>
  <si>
    <t>参考図書購入代</t>
  </si>
  <si>
    <t>有限会社　平井書店　代表取締役　平井　義人</t>
  </si>
  <si>
    <t>8021002052895</t>
  </si>
  <si>
    <t>493044</t>
  </si>
  <si>
    <t>新聞代（第３四半期分）</t>
  </si>
  <si>
    <t>毎日新聞小田原北部販売所　所長　野村　昌彦</t>
  </si>
  <si>
    <t>494055</t>
  </si>
  <si>
    <t>507449</t>
  </si>
  <si>
    <t>515728</t>
  </si>
  <si>
    <t>527468</t>
  </si>
  <si>
    <t>自転車購入代</t>
  </si>
  <si>
    <t>有限会社　遠藤商会　代表取締役　遠藤　雅佳</t>
  </si>
  <si>
    <t>9021002051153</t>
  </si>
  <si>
    <t>529801</t>
  </si>
  <si>
    <t>532028</t>
  </si>
  <si>
    <t>複写機用再生紙代（11月分）</t>
  </si>
  <si>
    <t>567497</t>
  </si>
  <si>
    <t>（株）Ｔ．Ｎ．Ｄ　代表取締役　高田　正</t>
  </si>
  <si>
    <t>1021001035247</t>
  </si>
  <si>
    <t>567550</t>
  </si>
  <si>
    <t>厚木県税事務所</t>
  </si>
  <si>
    <t>369489</t>
  </si>
  <si>
    <t>新聞購読料　（第３・４四半期）</t>
  </si>
  <si>
    <t>有限会社ＹＣ厚木西部　代表取締役　佐藤光雄</t>
  </si>
  <si>
    <t>4021002036266</t>
  </si>
  <si>
    <t>369490</t>
  </si>
  <si>
    <t>毎日新聞本厚木西部販売所　所長　阿多一孝</t>
  </si>
  <si>
    <t>370811</t>
  </si>
  <si>
    <t>複写機用再生紙代（９月分）</t>
  </si>
  <si>
    <t>（有）北の台文具　代表取締役　齊藤　米夫</t>
  </si>
  <si>
    <t>7021002046188</t>
  </si>
  <si>
    <t>431440</t>
  </si>
  <si>
    <t>納税功労表彰式（所長表彰）用生花代</t>
  </si>
  <si>
    <t>（有）エレガンス・フラワー　代表取締役　見留　勝代</t>
  </si>
  <si>
    <t>5021002031035</t>
  </si>
  <si>
    <t>441173</t>
  </si>
  <si>
    <t>複写機用紙代（10月分）</t>
  </si>
  <si>
    <t>510240</t>
  </si>
  <si>
    <t>複写機用紙代（11月分）</t>
  </si>
  <si>
    <t>537986</t>
  </si>
  <si>
    <t>（有）ウエキ文具センター　代表取締役　植木　博一</t>
  </si>
  <si>
    <t>5021002040110</t>
  </si>
  <si>
    <t>自動車税管理事務所</t>
  </si>
  <si>
    <t>379795</t>
  </si>
  <si>
    <t>事務用消耗品（自転車チューブ等）の購入について</t>
  </si>
  <si>
    <t>富士（株）　代表取締役　関　功雄</t>
  </si>
  <si>
    <t>8020001013660</t>
  </si>
  <si>
    <t>398570</t>
  </si>
  <si>
    <t>ゴム印等の作製について（第３四半期分）</t>
  </si>
  <si>
    <t>有限会社　松井印店　取締役　松井　清志</t>
  </si>
  <si>
    <t>4020002031483</t>
  </si>
  <si>
    <t>429368</t>
  </si>
  <si>
    <t>前渡金支出による消耗品購入、タクシー借上げ等（11月分）</t>
  </si>
  <si>
    <t>自動車税管理事務所　前渡金受領職員</t>
    <phoneticPr fontId="3"/>
  </si>
  <si>
    <t>447492</t>
  </si>
  <si>
    <t>事務用消耗品（留守番電話機器）の購入費</t>
  </si>
  <si>
    <t>株式会社トシダ　代表取締役　土志田　仁</t>
  </si>
  <si>
    <t>449258</t>
  </si>
  <si>
    <t>トナーカートリッジ（キャノンCRG-042）の購入費</t>
  </si>
  <si>
    <t>有限会社フォーエス　代表取締役　石川　敏彦</t>
  </si>
  <si>
    <t>4012302008451</t>
  </si>
  <si>
    <t>459261</t>
  </si>
  <si>
    <t>ゴム印等の作製（第３四半期分②）</t>
  </si>
  <si>
    <t>459267</t>
  </si>
  <si>
    <t>事務用消耗品（トイレボール等）の購入</t>
  </si>
  <si>
    <t>479693</t>
  </si>
  <si>
    <t>前渡金支出による消耗品購入、タクシー借上げ費（12月分）</t>
  </si>
  <si>
    <t>493099</t>
  </si>
  <si>
    <t>事務用消耗品（トイレットペーパー）の購入</t>
  </si>
  <si>
    <t>ニッパ株式会社　代表取締役　秋本　りつ子</t>
  </si>
  <si>
    <t>502376</t>
  </si>
  <si>
    <t>書籍の購入</t>
  </si>
  <si>
    <t>529448</t>
  </si>
  <si>
    <t>535019</t>
  </si>
  <si>
    <t>シャチハタデータースタンプ差替えコマ作製</t>
  </si>
  <si>
    <t>563124</t>
  </si>
  <si>
    <t>事務用消耗品（リムーバ等）の購入費</t>
  </si>
  <si>
    <t>566536</t>
  </si>
  <si>
    <t>前渡金支出による消耗品購入、タクシー借上げ等（1月分）</t>
  </si>
  <si>
    <t>戸塚県税事務所</t>
  </si>
  <si>
    <t>367324</t>
  </si>
  <si>
    <t>セーフティシューズの購入について</t>
  </si>
  <si>
    <t>有限会社小林洋文堂　代表取締役　小林正隆</t>
  </si>
  <si>
    <t>8012302001824</t>
  </si>
  <si>
    <t>379968</t>
  </si>
  <si>
    <t>はかりの購入について</t>
  </si>
  <si>
    <t>有限会社フナキ　代表取締役　舟木　学</t>
  </si>
  <si>
    <t>7020002055538</t>
  </si>
  <si>
    <t>413450</t>
  </si>
  <si>
    <t>11月分消耗品購入代</t>
  </si>
  <si>
    <t>戸塚県税事務所　前渡金受領職員</t>
    <phoneticPr fontId="3"/>
  </si>
  <si>
    <t>431551</t>
  </si>
  <si>
    <t>納税表彰式用横型看板について</t>
  </si>
  <si>
    <t>有限会社種田広告看板　代表取締役　種田　恒雄</t>
  </si>
  <si>
    <t>1020002012172</t>
  </si>
  <si>
    <t>458091</t>
  </si>
  <si>
    <t>軽油の購入について</t>
  </si>
  <si>
    <t>株式会社　三浦商会　代表取締役　三浦　宏平</t>
  </si>
  <si>
    <t>7020001008091</t>
  </si>
  <si>
    <t>516086</t>
  </si>
  <si>
    <t>12月分消耗品購入代</t>
  </si>
  <si>
    <t>547142</t>
  </si>
  <si>
    <t>軽油調査用消耗品の購入について</t>
  </si>
  <si>
    <t>561969</t>
  </si>
  <si>
    <t>デジタルカメラほかの購入について</t>
  </si>
  <si>
    <t>株式会社ヤマダ電機　横浜戸塚営業所　所長　秋田谷　智美</t>
  </si>
  <si>
    <t>576625</t>
  </si>
  <si>
    <t>１月分消耗品購入代</t>
  </si>
  <si>
    <t>緑県税事務所</t>
  </si>
  <si>
    <t>387242</t>
  </si>
  <si>
    <t>シャチハタ印購入代</t>
  </si>
  <si>
    <t>431685</t>
  </si>
  <si>
    <t>紙ラベルほか購入代</t>
  </si>
  <si>
    <t>ゴールデン文具株式会社　代表取締役　平出　晴久</t>
  </si>
  <si>
    <t>485246</t>
  </si>
  <si>
    <t>タイヤチェーン購入代</t>
  </si>
  <si>
    <t>株式会社スズキ自販神奈川　アリーナ青葉店　店長　小平　翔吾</t>
  </si>
  <si>
    <t>2020001010110</t>
  </si>
  <si>
    <t>490598</t>
  </si>
  <si>
    <t>日産プリンス神奈川販売株式会社　港北ニュータウン北店　店長　佐川　貴洋</t>
  </si>
  <si>
    <t>9020001046354</t>
  </si>
  <si>
    <t>518501</t>
  </si>
  <si>
    <t>カレンダーほか購入代</t>
  </si>
  <si>
    <t>543543</t>
  </si>
  <si>
    <t>キャリーバッグほか購入代</t>
  </si>
  <si>
    <t>職員厚生課</t>
  </si>
  <si>
    <t>361757</t>
  </si>
  <si>
    <t>（職員厚生課）衛生管理者免許証交付申請手数料（収入印紙代）</t>
  </si>
  <si>
    <t>職員厚生課　前渡金受領職員</t>
    <phoneticPr fontId="3"/>
  </si>
  <si>
    <t>464900</t>
  </si>
  <si>
    <t>消耗品（テプラＰＲＯ）購入代</t>
  </si>
  <si>
    <t>（株）ミナト事務器　代表取締役　志村　俊幸</t>
  </si>
  <si>
    <t>3020001013830</t>
  </si>
  <si>
    <t>582050</t>
  </si>
  <si>
    <t>職員貸与被服（帽子・靴）の購入代</t>
  </si>
  <si>
    <t>（株）金原　代表取締役　金原　正和</t>
  </si>
  <si>
    <t>1020001009756</t>
  </si>
  <si>
    <t>財産経営課</t>
  </si>
  <si>
    <t>484508</t>
  </si>
  <si>
    <t>書籍購入代</t>
  </si>
  <si>
    <t>506952</t>
  </si>
  <si>
    <t>デジタルカメラ等購入代</t>
  </si>
  <si>
    <t>庁舎管理課</t>
  </si>
  <si>
    <t>353645</t>
  </si>
  <si>
    <t>【庁舎管理課】11月継続検査分重量税納付に係る印紙代</t>
  </si>
  <si>
    <t>398001</t>
  </si>
  <si>
    <t>（庁舎管理課）加湿器ドレンポンプの購入</t>
  </si>
  <si>
    <t>橋本産業（株）　代表取締役社長　橋本　浩一</t>
  </si>
  <si>
    <t>9010001026316</t>
  </si>
  <si>
    <t>411159</t>
  </si>
  <si>
    <t>簡易無線局（携帯無線機）再免許申請手数料の収入印紙購入代</t>
  </si>
  <si>
    <t>414558</t>
  </si>
  <si>
    <t>【庁舎管理課】消耗品（旗ポール用スライドバーセット）購入代</t>
  </si>
  <si>
    <t>神谷商事（株）　代表取締役　神谷　明</t>
  </si>
  <si>
    <t>1020001026000</t>
  </si>
  <si>
    <t>415998</t>
  </si>
  <si>
    <t>継続検査分重量税納付に係る印紙代</t>
  </si>
  <si>
    <t>431039</t>
  </si>
  <si>
    <t>（庁舎管理課）ケーブルほかの購入</t>
  </si>
  <si>
    <t>（株）花田商会　代表取締役　花田　直紀</t>
  </si>
  <si>
    <t>4020001028431</t>
  </si>
  <si>
    <t>432395</t>
  </si>
  <si>
    <t>一時抹消登録に係る自動車検査登録印紙の購入代</t>
  </si>
  <si>
    <t>419219</t>
  </si>
  <si>
    <t>リチウム万能グリスほかの購入代</t>
  </si>
  <si>
    <t>（株）山村商店　代表取締役　山村　裕治</t>
  </si>
  <si>
    <t>2020001032311</t>
  </si>
  <si>
    <t>449201</t>
  </si>
  <si>
    <t>借上ビルセキュリティカード購入代</t>
  </si>
  <si>
    <t>大星ビル管理（株）　神奈川支店長　杉山　孝行</t>
  </si>
  <si>
    <t>2010001004501</t>
  </si>
  <si>
    <t>456006</t>
  </si>
  <si>
    <t>消耗品（電動ドリル用電池パックほか）の購入代</t>
  </si>
  <si>
    <t>（有）濱屋　代表取締役　田中　信義</t>
  </si>
  <si>
    <t>459742</t>
  </si>
  <si>
    <t>消耗品（セキュリティーカードほか）購入代</t>
  </si>
  <si>
    <t>セコム（株）　代表取締役社長　尾関　一郎</t>
  </si>
  <si>
    <t>6011001035920</t>
  </si>
  <si>
    <t>474311</t>
  </si>
  <si>
    <t>消耗品（乾湿両用バキュームクリーナー）購入代</t>
  </si>
  <si>
    <t>（株）三光電気　代表取締役　田村　紘一</t>
  </si>
  <si>
    <t>7020001002037</t>
  </si>
  <si>
    <t>486725</t>
  </si>
  <si>
    <t>消耗品（ドライバー）購入代</t>
  </si>
  <si>
    <t>（株）芥川商店　代表取締役　芥川　光正</t>
  </si>
  <si>
    <t>4020001022203</t>
  </si>
  <si>
    <t>482825</t>
  </si>
  <si>
    <t>継続検査分重量税納付に係る印紙代（１月分）</t>
  </si>
  <si>
    <t>503505</t>
  </si>
  <si>
    <t>消耗品（床面用配線モールほか）購入代</t>
  </si>
  <si>
    <t>（有）フタカタ電気　代表取締役　秋葉　好美</t>
  </si>
  <si>
    <t>5020002019742</t>
  </si>
  <si>
    <t>516116</t>
  </si>
  <si>
    <t>消耗品（全自動一槽式洗濯機）購入代</t>
  </si>
  <si>
    <t>（株）荒川電気商会　代表取締役　荒川　勝宏</t>
  </si>
  <si>
    <t>7020001012449</t>
  </si>
  <si>
    <t>507595</t>
  </si>
  <si>
    <t>（一財）日本建築設備・昇降機センター　理事長　村岸　明</t>
  </si>
  <si>
    <t>3010405010508</t>
  </si>
  <si>
    <t>546106</t>
  </si>
  <si>
    <t>消耗品（ＡＶ分配器）購入代</t>
  </si>
  <si>
    <t>アリス電機（株）　代表取締役　大倉　弘之</t>
  </si>
  <si>
    <t>2020001012453</t>
  </si>
  <si>
    <t>565195</t>
  </si>
  <si>
    <t>消耗品（カードケースほか）購入代</t>
  </si>
  <si>
    <t>567116</t>
  </si>
  <si>
    <t>継続検査分重量税納付に係る印紙代（２月分）</t>
  </si>
  <si>
    <t>施設整備課</t>
  </si>
  <si>
    <t>381768</t>
  </si>
  <si>
    <t>（施設整備課）インクカートリッジほかの購入</t>
  </si>
  <si>
    <t>414304</t>
  </si>
  <si>
    <t>（施設整備課）参考書籍の購入について</t>
  </si>
  <si>
    <t>局名</t>
    <phoneticPr fontId="4"/>
  </si>
  <si>
    <t>横須賀県税事務所　前渡金受領職員</t>
    <phoneticPr fontId="3"/>
  </si>
  <si>
    <t>高津県税事務所　前渡金受領職員</t>
    <phoneticPr fontId="3"/>
  </si>
  <si>
    <t>平塚県税事務所　前渡金受領職員</t>
    <phoneticPr fontId="3"/>
  </si>
  <si>
    <t>小田原県税事務所　前渡金受領職員</t>
    <phoneticPr fontId="3"/>
  </si>
  <si>
    <t>自動車税管理事務所　前渡金受領職員</t>
    <phoneticPr fontId="3"/>
  </si>
  <si>
    <t>自動車税管理事務所　前渡金受領職員</t>
    <phoneticPr fontId="3"/>
  </si>
  <si>
    <t>戸塚県税事務所　前渡金受領職員</t>
    <phoneticPr fontId="3"/>
  </si>
  <si>
    <t>庁舎管理課　前渡金受領職員</t>
    <phoneticPr fontId="3"/>
  </si>
  <si>
    <t>庁舎管理課　前渡金受領職員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[$-411]ggge&quot;年度&quot;"/>
    <numFmt numFmtId="177" formatCode="#,##0_ "/>
  </numFmts>
  <fonts count="5" x14ac:knownFonts="1"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10"/>
      <name val="ＭＳ ゴシック"/>
      <family val="3"/>
      <charset val="128"/>
    </font>
    <font>
      <sz val="6"/>
      <name val="ＭＳ 明朝"/>
      <family val="2"/>
      <charset val="128"/>
    </font>
    <font>
      <sz val="6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42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>
      <alignment vertical="center"/>
    </xf>
  </cellStyleXfs>
  <cellXfs count="9">
    <xf numFmtId="0" fontId="0" fillId="0" borderId="0" xfId="0">
      <alignment vertical="center"/>
    </xf>
    <xf numFmtId="0" fontId="2" fillId="2" borderId="1" xfId="1" applyFont="1" applyFill="1" applyBorder="1" applyAlignment="1" applyProtection="1">
      <alignment horizontal="center" vertical="center"/>
      <protection locked="0"/>
    </xf>
    <xf numFmtId="0" fontId="2" fillId="2" borderId="1" xfId="1" applyFont="1" applyFill="1" applyBorder="1" applyAlignment="1" applyProtection="1">
      <alignment horizontal="center" vertical="center" wrapText="1"/>
      <protection locked="0"/>
    </xf>
    <xf numFmtId="0" fontId="2" fillId="0" borderId="0" xfId="1" applyFont="1" applyProtection="1">
      <alignment vertical="center"/>
      <protection locked="0"/>
    </xf>
    <xf numFmtId="176" fontId="2" fillId="0" borderId="1" xfId="0" applyNumberFormat="1" applyFont="1" applyFill="1" applyBorder="1" applyAlignment="1" applyProtection="1">
      <alignment horizontal="center" vertical="center" shrinkToFit="1"/>
      <protection locked="0"/>
    </xf>
    <xf numFmtId="49" fontId="2" fillId="0" borderId="1" xfId="0" applyNumberFormat="1" applyFont="1" applyFill="1" applyBorder="1" applyAlignment="1" applyProtection="1">
      <alignment vertical="center" wrapText="1"/>
      <protection locked="0"/>
    </xf>
    <xf numFmtId="49" fontId="2" fillId="0" borderId="1" xfId="0" applyNumberFormat="1" applyFont="1" applyFill="1" applyBorder="1" applyAlignment="1" applyProtection="1">
      <alignment horizontal="center" vertical="center" shrinkToFit="1"/>
      <protection locked="0"/>
    </xf>
    <xf numFmtId="177" fontId="2" fillId="0" borderId="1" xfId="0" applyNumberFormat="1" applyFont="1" applyFill="1" applyBorder="1" applyAlignment="1" applyProtection="1">
      <alignment vertical="center" shrinkToFit="1"/>
      <protection locked="0"/>
    </xf>
    <xf numFmtId="14" fontId="2" fillId="0" borderId="1" xfId="0" applyNumberFormat="1" applyFont="1" applyFill="1" applyBorder="1" applyAlignment="1" applyProtection="1">
      <alignment horizontal="center" vertical="center" shrinkToFit="1"/>
      <protection locked="0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I201"/>
  <sheetViews>
    <sheetView tabSelected="1" zoomScaleNormal="100" workbookViewId="0">
      <pane ySplit="1" topLeftCell="A2" activePane="bottomLeft" state="frozen"/>
      <selection pane="bottomLeft" activeCell="A2" sqref="A2"/>
    </sheetView>
  </sheetViews>
  <sheetFormatPr defaultColWidth="8.25" defaultRowHeight="12" x14ac:dyDescent="0.2"/>
  <cols>
    <col min="1" max="1" width="9.58203125" style="3" customWidth="1"/>
    <col min="2" max="3" width="14.1640625" style="3" customWidth="1"/>
    <col min="4" max="4" width="8.58203125" style="3" customWidth="1"/>
    <col min="5" max="5" width="38.58203125" style="3" customWidth="1"/>
    <col min="6" max="6" width="16.5" style="3" bestFit="1" customWidth="1"/>
    <col min="7" max="7" width="28.5" style="3" customWidth="1"/>
    <col min="8" max="8" width="10.25" style="3" customWidth="1"/>
    <col min="9" max="9" width="9.75" style="3" customWidth="1"/>
    <col min="10" max="16384" width="8.25" style="3"/>
  </cols>
  <sheetData>
    <row r="1" spans="1:9" ht="27.75" customHeight="1" x14ac:dyDescent="0.2">
      <c r="A1" s="1" t="s">
        <v>0</v>
      </c>
      <c r="B1" s="1" t="s">
        <v>634</v>
      </c>
      <c r="C1" s="1" t="s">
        <v>1</v>
      </c>
      <c r="D1" s="2" t="s">
        <v>2</v>
      </c>
      <c r="E1" s="1" t="s">
        <v>3</v>
      </c>
      <c r="F1" s="1" t="s">
        <v>4</v>
      </c>
      <c r="G1" s="2" t="s">
        <v>5</v>
      </c>
      <c r="H1" s="2" t="s">
        <v>6</v>
      </c>
      <c r="I1" s="1" t="s">
        <v>7</v>
      </c>
    </row>
    <row r="2" spans="1:9" ht="24" x14ac:dyDescent="0.2">
      <c r="A2" s="4">
        <v>43556</v>
      </c>
      <c r="B2" s="5" t="s">
        <v>8</v>
      </c>
      <c r="C2" s="5" t="s">
        <v>9</v>
      </c>
      <c r="D2" s="6" t="s">
        <v>10</v>
      </c>
      <c r="E2" s="5" t="s">
        <v>11</v>
      </c>
      <c r="F2" s="7">
        <v>48180</v>
      </c>
      <c r="G2" s="5" t="s">
        <v>12</v>
      </c>
      <c r="H2" s="6" t="s">
        <v>13</v>
      </c>
      <c r="I2" s="8">
        <v>43777</v>
      </c>
    </row>
    <row r="3" spans="1:9" ht="24" x14ac:dyDescent="0.2">
      <c r="A3" s="4">
        <v>43556</v>
      </c>
      <c r="B3" s="5" t="s">
        <v>8</v>
      </c>
      <c r="C3" s="5" t="s">
        <v>9</v>
      </c>
      <c r="D3" s="6" t="s">
        <v>14</v>
      </c>
      <c r="E3" s="5" t="s">
        <v>15</v>
      </c>
      <c r="F3" s="7">
        <v>62150</v>
      </c>
      <c r="G3" s="5" t="s">
        <v>16</v>
      </c>
      <c r="H3" s="6" t="s">
        <v>17</v>
      </c>
      <c r="I3" s="8">
        <v>43782</v>
      </c>
    </row>
    <row r="4" spans="1:9" ht="24" x14ac:dyDescent="0.2">
      <c r="A4" s="4">
        <v>43556</v>
      </c>
      <c r="B4" s="5" t="s">
        <v>8</v>
      </c>
      <c r="C4" s="5" t="s">
        <v>9</v>
      </c>
      <c r="D4" s="6" t="s">
        <v>18</v>
      </c>
      <c r="E4" s="5" t="s">
        <v>19</v>
      </c>
      <c r="F4" s="7">
        <v>61424</v>
      </c>
      <c r="G4" s="5" t="s">
        <v>20</v>
      </c>
      <c r="H4" s="6" t="s">
        <v>21</v>
      </c>
      <c r="I4" s="8">
        <v>43794</v>
      </c>
    </row>
    <row r="5" spans="1:9" ht="24" x14ac:dyDescent="0.2">
      <c r="A5" s="4">
        <v>43556</v>
      </c>
      <c r="B5" s="5" t="s">
        <v>8</v>
      </c>
      <c r="C5" s="5" t="s">
        <v>9</v>
      </c>
      <c r="D5" s="6" t="s">
        <v>22</v>
      </c>
      <c r="E5" s="5" t="s">
        <v>23</v>
      </c>
      <c r="F5" s="7">
        <v>23078</v>
      </c>
      <c r="G5" s="5" t="s">
        <v>24</v>
      </c>
      <c r="H5" s="6" t="s">
        <v>25</v>
      </c>
      <c r="I5" s="8">
        <v>43817</v>
      </c>
    </row>
    <row r="6" spans="1:9" ht="24" x14ac:dyDescent="0.2">
      <c r="A6" s="4">
        <v>43556</v>
      </c>
      <c r="B6" s="5" t="s">
        <v>8</v>
      </c>
      <c r="C6" s="5" t="s">
        <v>9</v>
      </c>
      <c r="D6" s="6" t="s">
        <v>26</v>
      </c>
      <c r="E6" s="5" t="s">
        <v>27</v>
      </c>
      <c r="F6" s="7">
        <v>3861</v>
      </c>
      <c r="G6" s="5" t="s">
        <v>28</v>
      </c>
      <c r="H6" s="6" t="s">
        <v>29</v>
      </c>
      <c r="I6" s="8">
        <v>43817</v>
      </c>
    </row>
    <row r="7" spans="1:9" ht="24" x14ac:dyDescent="0.2">
      <c r="A7" s="4">
        <v>43556</v>
      </c>
      <c r="B7" s="5" t="s">
        <v>8</v>
      </c>
      <c r="C7" s="5" t="s">
        <v>9</v>
      </c>
      <c r="D7" s="6" t="s">
        <v>30</v>
      </c>
      <c r="E7" s="5" t="s">
        <v>31</v>
      </c>
      <c r="F7" s="7">
        <v>202950</v>
      </c>
      <c r="G7" s="5" t="s">
        <v>32</v>
      </c>
      <c r="H7" s="6" t="s">
        <v>33</v>
      </c>
      <c r="I7" s="8">
        <v>43825</v>
      </c>
    </row>
    <row r="8" spans="1:9" ht="24" x14ac:dyDescent="0.2">
      <c r="A8" s="4">
        <v>43556</v>
      </c>
      <c r="B8" s="5" t="s">
        <v>8</v>
      </c>
      <c r="C8" s="5" t="s">
        <v>9</v>
      </c>
      <c r="D8" s="6" t="s">
        <v>34</v>
      </c>
      <c r="E8" s="5" t="s">
        <v>35</v>
      </c>
      <c r="F8" s="7">
        <v>66000</v>
      </c>
      <c r="G8" s="5" t="s">
        <v>36</v>
      </c>
      <c r="H8" s="6" t="s">
        <v>37</v>
      </c>
      <c r="I8" s="8">
        <v>43825</v>
      </c>
    </row>
    <row r="9" spans="1:9" ht="24" x14ac:dyDescent="0.2">
      <c r="A9" s="4">
        <v>43556</v>
      </c>
      <c r="B9" s="5" t="s">
        <v>8</v>
      </c>
      <c r="C9" s="5" t="s">
        <v>9</v>
      </c>
      <c r="D9" s="6" t="s">
        <v>38</v>
      </c>
      <c r="E9" s="5" t="s">
        <v>39</v>
      </c>
      <c r="F9" s="7">
        <v>56643</v>
      </c>
      <c r="G9" s="5" t="s">
        <v>40</v>
      </c>
      <c r="H9" s="6" t="s">
        <v>41</v>
      </c>
      <c r="I9" s="8">
        <v>43825</v>
      </c>
    </row>
    <row r="10" spans="1:9" ht="24" x14ac:dyDescent="0.2">
      <c r="A10" s="4">
        <v>43556</v>
      </c>
      <c r="B10" s="5" t="s">
        <v>8</v>
      </c>
      <c r="C10" s="5" t="s">
        <v>42</v>
      </c>
      <c r="D10" s="6" t="s">
        <v>43</v>
      </c>
      <c r="E10" s="5" t="s">
        <v>44</v>
      </c>
      <c r="F10" s="7">
        <v>93992</v>
      </c>
      <c r="G10" s="5" t="s">
        <v>45</v>
      </c>
      <c r="H10" s="6" t="s">
        <v>46</v>
      </c>
      <c r="I10" s="8">
        <v>43746</v>
      </c>
    </row>
    <row r="11" spans="1:9" ht="24" x14ac:dyDescent="0.2">
      <c r="A11" s="4">
        <v>43556</v>
      </c>
      <c r="B11" s="5" t="s">
        <v>8</v>
      </c>
      <c r="C11" s="5" t="s">
        <v>42</v>
      </c>
      <c r="D11" s="6" t="s">
        <v>47</v>
      </c>
      <c r="E11" s="5" t="s">
        <v>48</v>
      </c>
      <c r="F11" s="7">
        <v>13200</v>
      </c>
      <c r="G11" s="5" t="s">
        <v>49</v>
      </c>
      <c r="H11" s="6" t="s">
        <v>50</v>
      </c>
      <c r="I11" s="8">
        <v>43755</v>
      </c>
    </row>
    <row r="12" spans="1:9" ht="24" x14ac:dyDescent="0.2">
      <c r="A12" s="4">
        <v>43556</v>
      </c>
      <c r="B12" s="5" t="s">
        <v>8</v>
      </c>
      <c r="C12" s="5" t="s">
        <v>42</v>
      </c>
      <c r="D12" s="6" t="s">
        <v>51</v>
      </c>
      <c r="E12" s="5" t="s">
        <v>52</v>
      </c>
      <c r="F12" s="7">
        <v>2750</v>
      </c>
      <c r="G12" s="5" t="s">
        <v>53</v>
      </c>
      <c r="H12" s="6" t="s">
        <v>54</v>
      </c>
      <c r="I12" s="8">
        <v>43789</v>
      </c>
    </row>
    <row r="13" spans="1:9" ht="24" x14ac:dyDescent="0.2">
      <c r="A13" s="4">
        <v>43556</v>
      </c>
      <c r="B13" s="5" t="s">
        <v>8</v>
      </c>
      <c r="C13" s="5" t="s">
        <v>42</v>
      </c>
      <c r="D13" s="6" t="s">
        <v>55</v>
      </c>
      <c r="E13" s="5" t="s">
        <v>56</v>
      </c>
      <c r="F13" s="7">
        <v>19140</v>
      </c>
      <c r="G13" s="5" t="s">
        <v>57</v>
      </c>
      <c r="H13" s="6" t="s">
        <v>58</v>
      </c>
      <c r="I13" s="8">
        <v>43797</v>
      </c>
    </row>
    <row r="14" spans="1:9" ht="24" x14ac:dyDescent="0.2">
      <c r="A14" s="4">
        <v>43556</v>
      </c>
      <c r="B14" s="5" t="s">
        <v>8</v>
      </c>
      <c r="C14" s="5" t="s">
        <v>42</v>
      </c>
      <c r="D14" s="6" t="s">
        <v>59</v>
      </c>
      <c r="E14" s="5" t="s">
        <v>60</v>
      </c>
      <c r="F14" s="7">
        <v>13751</v>
      </c>
      <c r="G14" s="5" t="s">
        <v>61</v>
      </c>
      <c r="H14" s="6" t="s">
        <v>62</v>
      </c>
      <c r="I14" s="8">
        <v>43803</v>
      </c>
    </row>
    <row r="15" spans="1:9" ht="24" x14ac:dyDescent="0.2">
      <c r="A15" s="4">
        <v>43556</v>
      </c>
      <c r="B15" s="5" t="s">
        <v>8</v>
      </c>
      <c r="C15" s="5" t="s">
        <v>63</v>
      </c>
      <c r="D15" s="6" t="s">
        <v>64</v>
      </c>
      <c r="E15" s="5" t="s">
        <v>65</v>
      </c>
      <c r="F15" s="7">
        <v>3920</v>
      </c>
      <c r="G15" s="5" t="s">
        <v>66</v>
      </c>
      <c r="H15" s="6" t="s">
        <v>67</v>
      </c>
      <c r="I15" s="8">
        <v>43759</v>
      </c>
    </row>
    <row r="16" spans="1:9" ht="24" x14ac:dyDescent="0.2">
      <c r="A16" s="4">
        <v>43556</v>
      </c>
      <c r="B16" s="5" t="s">
        <v>8</v>
      </c>
      <c r="C16" s="5" t="s">
        <v>63</v>
      </c>
      <c r="D16" s="6" t="s">
        <v>68</v>
      </c>
      <c r="E16" s="5" t="s">
        <v>69</v>
      </c>
      <c r="F16" s="7">
        <v>23694</v>
      </c>
      <c r="G16" s="5" t="s">
        <v>70</v>
      </c>
      <c r="H16" s="6" t="s">
        <v>71</v>
      </c>
      <c r="I16" s="8">
        <v>43797</v>
      </c>
    </row>
    <row r="17" spans="1:9" ht="24" x14ac:dyDescent="0.2">
      <c r="A17" s="4">
        <v>43556</v>
      </c>
      <c r="B17" s="5" t="s">
        <v>8</v>
      </c>
      <c r="C17" s="5" t="s">
        <v>63</v>
      </c>
      <c r="D17" s="6" t="s">
        <v>72</v>
      </c>
      <c r="E17" s="5" t="s">
        <v>73</v>
      </c>
      <c r="F17" s="7">
        <v>8360</v>
      </c>
      <c r="G17" s="5" t="s">
        <v>61</v>
      </c>
      <c r="H17" s="6" t="s">
        <v>62</v>
      </c>
      <c r="I17" s="8">
        <v>43825</v>
      </c>
    </row>
    <row r="18" spans="1:9" ht="24" x14ac:dyDescent="0.2">
      <c r="A18" s="4">
        <v>43556</v>
      </c>
      <c r="B18" s="5" t="s">
        <v>8</v>
      </c>
      <c r="C18" s="5" t="s">
        <v>74</v>
      </c>
      <c r="D18" s="6" t="s">
        <v>75</v>
      </c>
      <c r="E18" s="5" t="s">
        <v>76</v>
      </c>
      <c r="F18" s="7">
        <v>60000</v>
      </c>
      <c r="G18" s="5" t="s">
        <v>78</v>
      </c>
      <c r="H18" s="6" t="s">
        <v>77</v>
      </c>
      <c r="I18" s="8">
        <v>43742</v>
      </c>
    </row>
    <row r="19" spans="1:9" ht="24" x14ac:dyDescent="0.2">
      <c r="A19" s="4">
        <v>43556</v>
      </c>
      <c r="B19" s="5" t="s">
        <v>8</v>
      </c>
      <c r="C19" s="5" t="s">
        <v>74</v>
      </c>
      <c r="D19" s="6" t="s">
        <v>79</v>
      </c>
      <c r="E19" s="5" t="s">
        <v>80</v>
      </c>
      <c r="F19" s="7">
        <v>72755</v>
      </c>
      <c r="G19" s="5" t="s">
        <v>81</v>
      </c>
      <c r="H19" s="6" t="s">
        <v>82</v>
      </c>
      <c r="I19" s="8">
        <v>43762</v>
      </c>
    </row>
    <row r="20" spans="1:9" ht="24" x14ac:dyDescent="0.2">
      <c r="A20" s="4">
        <v>43556</v>
      </c>
      <c r="B20" s="5" t="s">
        <v>8</v>
      </c>
      <c r="C20" s="5" t="s">
        <v>74</v>
      </c>
      <c r="D20" s="6" t="s">
        <v>83</v>
      </c>
      <c r="E20" s="5" t="s">
        <v>84</v>
      </c>
      <c r="F20" s="7">
        <v>7601</v>
      </c>
      <c r="G20" s="5" t="s">
        <v>66</v>
      </c>
      <c r="H20" s="6" t="s">
        <v>67</v>
      </c>
      <c r="I20" s="8">
        <v>43783</v>
      </c>
    </row>
    <row r="21" spans="1:9" ht="24" x14ac:dyDescent="0.2">
      <c r="A21" s="4">
        <v>43556</v>
      </c>
      <c r="B21" s="5" t="s">
        <v>8</v>
      </c>
      <c r="C21" s="5" t="s">
        <v>74</v>
      </c>
      <c r="D21" s="6" t="s">
        <v>85</v>
      </c>
      <c r="E21" s="5" t="s">
        <v>86</v>
      </c>
      <c r="F21" s="7">
        <v>32204</v>
      </c>
      <c r="G21" s="5" t="s">
        <v>36</v>
      </c>
      <c r="H21" s="6" t="s">
        <v>37</v>
      </c>
      <c r="I21" s="8">
        <v>43801</v>
      </c>
    </row>
    <row r="22" spans="1:9" ht="24" x14ac:dyDescent="0.2">
      <c r="A22" s="4">
        <v>43556</v>
      </c>
      <c r="B22" s="5" t="s">
        <v>8</v>
      </c>
      <c r="C22" s="5" t="s">
        <v>74</v>
      </c>
      <c r="D22" s="6" t="s">
        <v>87</v>
      </c>
      <c r="E22" s="5" t="s">
        <v>88</v>
      </c>
      <c r="F22" s="7">
        <v>1348600</v>
      </c>
      <c r="G22" s="5" t="s">
        <v>89</v>
      </c>
      <c r="H22" s="6" t="s">
        <v>90</v>
      </c>
      <c r="I22" s="8">
        <v>43812</v>
      </c>
    </row>
    <row r="23" spans="1:9" ht="24" x14ac:dyDescent="0.2">
      <c r="A23" s="4">
        <v>43556</v>
      </c>
      <c r="B23" s="5" t="s">
        <v>8</v>
      </c>
      <c r="C23" s="5" t="s">
        <v>91</v>
      </c>
      <c r="D23" s="6" t="s">
        <v>92</v>
      </c>
      <c r="E23" s="5" t="s">
        <v>93</v>
      </c>
      <c r="F23" s="7">
        <v>19800</v>
      </c>
      <c r="G23" s="5" t="s">
        <v>94</v>
      </c>
      <c r="H23" s="6" t="s">
        <v>95</v>
      </c>
      <c r="I23" s="8">
        <v>43777</v>
      </c>
    </row>
    <row r="24" spans="1:9" ht="24" x14ac:dyDescent="0.2">
      <c r="A24" s="4">
        <v>43556</v>
      </c>
      <c r="B24" s="5" t="s">
        <v>8</v>
      </c>
      <c r="C24" s="5" t="s">
        <v>91</v>
      </c>
      <c r="D24" s="6" t="s">
        <v>96</v>
      </c>
      <c r="E24" s="5" t="s">
        <v>97</v>
      </c>
      <c r="F24" s="7">
        <v>30004</v>
      </c>
      <c r="G24" s="5" t="s">
        <v>61</v>
      </c>
      <c r="H24" s="6" t="s">
        <v>62</v>
      </c>
      <c r="I24" s="8">
        <v>43777</v>
      </c>
    </row>
    <row r="25" spans="1:9" ht="24" x14ac:dyDescent="0.2">
      <c r="A25" s="4">
        <v>43556</v>
      </c>
      <c r="B25" s="5" t="s">
        <v>8</v>
      </c>
      <c r="C25" s="5" t="s">
        <v>91</v>
      </c>
      <c r="D25" s="6" t="s">
        <v>98</v>
      </c>
      <c r="E25" s="5" t="s">
        <v>99</v>
      </c>
      <c r="F25" s="7">
        <v>61984</v>
      </c>
      <c r="G25" s="5" t="s">
        <v>100</v>
      </c>
      <c r="H25" s="6" t="s">
        <v>101</v>
      </c>
      <c r="I25" s="8">
        <v>43777</v>
      </c>
    </row>
    <row r="26" spans="1:9" ht="24" x14ac:dyDescent="0.2">
      <c r="A26" s="4">
        <v>43556</v>
      </c>
      <c r="B26" s="5" t="s">
        <v>8</v>
      </c>
      <c r="C26" s="5" t="s">
        <v>91</v>
      </c>
      <c r="D26" s="6" t="s">
        <v>102</v>
      </c>
      <c r="E26" s="5" t="s">
        <v>103</v>
      </c>
      <c r="F26" s="7">
        <v>27129</v>
      </c>
      <c r="G26" s="5" t="s">
        <v>104</v>
      </c>
      <c r="H26" s="6" t="s">
        <v>105</v>
      </c>
      <c r="I26" s="8">
        <v>43784</v>
      </c>
    </row>
    <row r="27" spans="1:9" ht="24" x14ac:dyDescent="0.2">
      <c r="A27" s="4">
        <v>43556</v>
      </c>
      <c r="B27" s="5" t="s">
        <v>8</v>
      </c>
      <c r="C27" s="5" t="s">
        <v>91</v>
      </c>
      <c r="D27" s="6" t="s">
        <v>106</v>
      </c>
      <c r="E27" s="5" t="s">
        <v>107</v>
      </c>
      <c r="F27" s="7">
        <v>176350</v>
      </c>
      <c r="G27" s="5" t="s">
        <v>108</v>
      </c>
      <c r="H27" s="6" t="s">
        <v>109</v>
      </c>
      <c r="I27" s="8">
        <v>43784</v>
      </c>
    </row>
    <row r="28" spans="1:9" ht="24" x14ac:dyDescent="0.2">
      <c r="A28" s="4">
        <v>43556</v>
      </c>
      <c r="B28" s="5" t="s">
        <v>8</v>
      </c>
      <c r="C28" s="5" t="s">
        <v>91</v>
      </c>
      <c r="D28" s="6" t="s">
        <v>110</v>
      </c>
      <c r="E28" s="5" t="s">
        <v>111</v>
      </c>
      <c r="F28" s="7">
        <v>125400</v>
      </c>
      <c r="G28" s="5" t="s">
        <v>112</v>
      </c>
      <c r="H28" s="6" t="s">
        <v>113</v>
      </c>
      <c r="I28" s="8">
        <v>43803</v>
      </c>
    </row>
    <row r="29" spans="1:9" ht="24" x14ac:dyDescent="0.2">
      <c r="A29" s="4">
        <v>43556</v>
      </c>
      <c r="B29" s="5" t="s">
        <v>8</v>
      </c>
      <c r="C29" s="5" t="s">
        <v>91</v>
      </c>
      <c r="D29" s="6" t="s">
        <v>114</v>
      </c>
      <c r="E29" s="5" t="s">
        <v>115</v>
      </c>
      <c r="F29" s="7">
        <v>20757</v>
      </c>
      <c r="G29" s="5" t="s">
        <v>116</v>
      </c>
      <c r="H29" s="6" t="s">
        <v>117</v>
      </c>
      <c r="I29" s="8">
        <v>43809</v>
      </c>
    </row>
    <row r="30" spans="1:9" ht="24" x14ac:dyDescent="0.2">
      <c r="A30" s="4">
        <v>43556</v>
      </c>
      <c r="B30" s="5" t="s">
        <v>8</v>
      </c>
      <c r="C30" s="5" t="s">
        <v>91</v>
      </c>
      <c r="D30" s="6" t="s">
        <v>118</v>
      </c>
      <c r="E30" s="5" t="s">
        <v>119</v>
      </c>
      <c r="F30" s="7">
        <v>46860</v>
      </c>
      <c r="G30" s="5" t="s">
        <v>120</v>
      </c>
      <c r="H30" s="6" t="s">
        <v>121</v>
      </c>
      <c r="I30" s="8">
        <v>43815</v>
      </c>
    </row>
    <row r="31" spans="1:9" ht="24" x14ac:dyDescent="0.2">
      <c r="A31" s="4">
        <v>43556</v>
      </c>
      <c r="B31" s="5" t="s">
        <v>8</v>
      </c>
      <c r="C31" s="5" t="s">
        <v>122</v>
      </c>
      <c r="D31" s="6" t="s">
        <v>123</v>
      </c>
      <c r="E31" s="5" t="s">
        <v>124</v>
      </c>
      <c r="F31" s="7">
        <v>43780</v>
      </c>
      <c r="G31" s="5" t="s">
        <v>36</v>
      </c>
      <c r="H31" s="6" t="s">
        <v>37</v>
      </c>
      <c r="I31" s="8">
        <v>43763</v>
      </c>
    </row>
    <row r="32" spans="1:9" ht="24" x14ac:dyDescent="0.2">
      <c r="A32" s="4">
        <v>43556</v>
      </c>
      <c r="B32" s="5" t="s">
        <v>8</v>
      </c>
      <c r="C32" s="5" t="s">
        <v>122</v>
      </c>
      <c r="D32" s="6" t="s">
        <v>125</v>
      </c>
      <c r="E32" s="5" t="s">
        <v>126</v>
      </c>
      <c r="F32" s="7">
        <v>10127</v>
      </c>
      <c r="G32" s="5" t="s">
        <v>81</v>
      </c>
      <c r="H32" s="6" t="s">
        <v>82</v>
      </c>
      <c r="I32" s="8">
        <v>43768</v>
      </c>
    </row>
    <row r="33" spans="1:9" ht="24" x14ac:dyDescent="0.2">
      <c r="A33" s="4">
        <v>43556</v>
      </c>
      <c r="B33" s="5" t="s">
        <v>8</v>
      </c>
      <c r="C33" s="5" t="s">
        <v>122</v>
      </c>
      <c r="D33" s="6" t="s">
        <v>127</v>
      </c>
      <c r="E33" s="5" t="s">
        <v>128</v>
      </c>
      <c r="F33" s="7">
        <v>4700</v>
      </c>
      <c r="G33" s="5" t="s">
        <v>129</v>
      </c>
      <c r="H33" s="6" t="s">
        <v>130</v>
      </c>
      <c r="I33" s="8">
        <v>43797</v>
      </c>
    </row>
    <row r="34" spans="1:9" ht="24" x14ac:dyDescent="0.2">
      <c r="A34" s="4">
        <v>43556</v>
      </c>
      <c r="B34" s="5" t="s">
        <v>8</v>
      </c>
      <c r="C34" s="5" t="s">
        <v>122</v>
      </c>
      <c r="D34" s="6" t="s">
        <v>131</v>
      </c>
      <c r="E34" s="5" t="s">
        <v>132</v>
      </c>
      <c r="F34" s="7">
        <v>55781</v>
      </c>
      <c r="G34" s="5" t="s">
        <v>61</v>
      </c>
      <c r="H34" s="6" t="s">
        <v>62</v>
      </c>
      <c r="I34" s="8">
        <v>43801</v>
      </c>
    </row>
    <row r="35" spans="1:9" ht="24" x14ac:dyDescent="0.2">
      <c r="A35" s="4">
        <v>43556</v>
      </c>
      <c r="B35" s="5" t="s">
        <v>8</v>
      </c>
      <c r="C35" s="5" t="s">
        <v>133</v>
      </c>
      <c r="D35" s="6" t="s">
        <v>134</v>
      </c>
      <c r="E35" s="5" t="s">
        <v>135</v>
      </c>
      <c r="F35" s="7">
        <v>26180</v>
      </c>
      <c r="G35" s="5" t="s">
        <v>49</v>
      </c>
      <c r="H35" s="6" t="s">
        <v>50</v>
      </c>
      <c r="I35" s="8">
        <v>43741</v>
      </c>
    </row>
    <row r="36" spans="1:9" ht="24" x14ac:dyDescent="0.2">
      <c r="A36" s="4">
        <v>43556</v>
      </c>
      <c r="B36" s="5" t="s">
        <v>8</v>
      </c>
      <c r="C36" s="5" t="s">
        <v>133</v>
      </c>
      <c r="D36" s="6" t="s">
        <v>136</v>
      </c>
      <c r="E36" s="5" t="s">
        <v>137</v>
      </c>
      <c r="F36" s="7">
        <v>11000</v>
      </c>
      <c r="G36" s="5" t="s">
        <v>138</v>
      </c>
      <c r="H36" s="6" t="s">
        <v>139</v>
      </c>
      <c r="I36" s="8">
        <v>43754</v>
      </c>
    </row>
    <row r="37" spans="1:9" ht="24" x14ac:dyDescent="0.2">
      <c r="A37" s="4">
        <v>43556</v>
      </c>
      <c r="B37" s="5" t="s">
        <v>8</v>
      </c>
      <c r="C37" s="5" t="s">
        <v>133</v>
      </c>
      <c r="D37" s="6" t="s">
        <v>140</v>
      </c>
      <c r="E37" s="5" t="s">
        <v>27</v>
      </c>
      <c r="F37" s="7">
        <v>1430</v>
      </c>
      <c r="G37" s="5" t="s">
        <v>141</v>
      </c>
      <c r="H37" s="6" t="s">
        <v>142</v>
      </c>
      <c r="I37" s="8">
        <v>43775</v>
      </c>
    </row>
    <row r="38" spans="1:9" ht="24" x14ac:dyDescent="0.2">
      <c r="A38" s="4">
        <v>43556</v>
      </c>
      <c r="B38" s="5" t="s">
        <v>8</v>
      </c>
      <c r="C38" s="5" t="s">
        <v>133</v>
      </c>
      <c r="D38" s="6" t="s">
        <v>143</v>
      </c>
      <c r="E38" s="5" t="s">
        <v>144</v>
      </c>
      <c r="F38" s="7">
        <v>198836</v>
      </c>
      <c r="G38" s="5" t="s">
        <v>145</v>
      </c>
      <c r="H38" s="6" t="s">
        <v>146</v>
      </c>
      <c r="I38" s="8">
        <v>43775</v>
      </c>
    </row>
    <row r="39" spans="1:9" ht="24" x14ac:dyDescent="0.2">
      <c r="A39" s="4">
        <v>43556</v>
      </c>
      <c r="B39" s="5" t="s">
        <v>8</v>
      </c>
      <c r="C39" s="5" t="s">
        <v>133</v>
      </c>
      <c r="D39" s="6" t="s">
        <v>147</v>
      </c>
      <c r="E39" s="5" t="s">
        <v>148</v>
      </c>
      <c r="F39" s="7">
        <v>43824</v>
      </c>
      <c r="G39" s="5" t="s">
        <v>49</v>
      </c>
      <c r="H39" s="6" t="s">
        <v>50</v>
      </c>
      <c r="I39" s="8">
        <v>43797</v>
      </c>
    </row>
    <row r="40" spans="1:9" ht="24" x14ac:dyDescent="0.2">
      <c r="A40" s="4">
        <v>43556</v>
      </c>
      <c r="B40" s="5" t="s">
        <v>8</v>
      </c>
      <c r="C40" s="5" t="s">
        <v>133</v>
      </c>
      <c r="D40" s="6" t="s">
        <v>149</v>
      </c>
      <c r="E40" s="5" t="s">
        <v>150</v>
      </c>
      <c r="F40" s="7">
        <v>938939</v>
      </c>
      <c r="G40" s="5" t="s">
        <v>145</v>
      </c>
      <c r="H40" s="6" t="s">
        <v>146</v>
      </c>
      <c r="I40" s="8">
        <v>43809</v>
      </c>
    </row>
    <row r="41" spans="1:9" ht="24" x14ac:dyDescent="0.2">
      <c r="A41" s="4">
        <v>43556</v>
      </c>
      <c r="B41" s="5" t="s">
        <v>8</v>
      </c>
      <c r="C41" s="5" t="s">
        <v>133</v>
      </c>
      <c r="D41" s="6" t="s">
        <v>151</v>
      </c>
      <c r="E41" s="5" t="s">
        <v>152</v>
      </c>
      <c r="F41" s="7">
        <v>16687</v>
      </c>
      <c r="G41" s="5" t="s">
        <v>141</v>
      </c>
      <c r="H41" s="6" t="s">
        <v>142</v>
      </c>
      <c r="I41" s="8">
        <v>43816</v>
      </c>
    </row>
    <row r="42" spans="1:9" ht="24" x14ac:dyDescent="0.2">
      <c r="A42" s="4">
        <v>43556</v>
      </c>
      <c r="B42" s="5" t="s">
        <v>8</v>
      </c>
      <c r="C42" s="5" t="s">
        <v>133</v>
      </c>
      <c r="D42" s="6" t="s">
        <v>153</v>
      </c>
      <c r="E42" s="5" t="s">
        <v>154</v>
      </c>
      <c r="F42" s="7">
        <v>882000</v>
      </c>
      <c r="G42" s="5" t="s">
        <v>155</v>
      </c>
      <c r="H42" s="6" t="s">
        <v>156</v>
      </c>
      <c r="I42" s="8">
        <v>43816</v>
      </c>
    </row>
    <row r="43" spans="1:9" ht="24" x14ac:dyDescent="0.2">
      <c r="A43" s="4">
        <v>43556</v>
      </c>
      <c r="B43" s="5" t="s">
        <v>8</v>
      </c>
      <c r="C43" s="5" t="s">
        <v>157</v>
      </c>
      <c r="D43" s="6" t="s">
        <v>158</v>
      </c>
      <c r="E43" s="5" t="s">
        <v>159</v>
      </c>
      <c r="F43" s="7">
        <v>137</v>
      </c>
      <c r="G43" s="5" t="s">
        <v>28</v>
      </c>
      <c r="H43" s="6" t="s">
        <v>29</v>
      </c>
      <c r="I43" s="8">
        <v>43756</v>
      </c>
    </row>
    <row r="44" spans="1:9" ht="24" x14ac:dyDescent="0.2">
      <c r="A44" s="4">
        <v>43556</v>
      </c>
      <c r="B44" s="5" t="s">
        <v>8</v>
      </c>
      <c r="C44" s="5" t="s">
        <v>157</v>
      </c>
      <c r="D44" s="6" t="s">
        <v>160</v>
      </c>
      <c r="E44" s="5" t="s">
        <v>161</v>
      </c>
      <c r="F44" s="7">
        <v>10087</v>
      </c>
      <c r="G44" s="5" t="s">
        <v>36</v>
      </c>
      <c r="H44" s="6" t="s">
        <v>37</v>
      </c>
      <c r="I44" s="8">
        <v>43777</v>
      </c>
    </row>
    <row r="45" spans="1:9" ht="24" x14ac:dyDescent="0.2">
      <c r="A45" s="4">
        <v>43556</v>
      </c>
      <c r="B45" s="5" t="s">
        <v>8</v>
      </c>
      <c r="C45" s="5" t="s">
        <v>157</v>
      </c>
      <c r="D45" s="6" t="s">
        <v>162</v>
      </c>
      <c r="E45" s="5" t="s">
        <v>163</v>
      </c>
      <c r="F45" s="7">
        <v>7700</v>
      </c>
      <c r="G45" s="5" t="s">
        <v>164</v>
      </c>
      <c r="H45" s="6" t="s">
        <v>165</v>
      </c>
      <c r="I45" s="8">
        <v>43790</v>
      </c>
    </row>
    <row r="46" spans="1:9" ht="24" x14ac:dyDescent="0.2">
      <c r="A46" s="4">
        <v>43556</v>
      </c>
      <c r="B46" s="5" t="s">
        <v>8</v>
      </c>
      <c r="C46" s="5" t="s">
        <v>157</v>
      </c>
      <c r="D46" s="6" t="s">
        <v>166</v>
      </c>
      <c r="E46" s="5" t="s">
        <v>167</v>
      </c>
      <c r="F46" s="7">
        <v>14773</v>
      </c>
      <c r="G46" s="5" t="s">
        <v>168</v>
      </c>
      <c r="H46" s="6" t="s">
        <v>169</v>
      </c>
      <c r="I46" s="8">
        <v>43801</v>
      </c>
    </row>
    <row r="47" spans="1:9" ht="24" x14ac:dyDescent="0.2">
      <c r="A47" s="4">
        <v>43556</v>
      </c>
      <c r="B47" s="5" t="s">
        <v>8</v>
      </c>
      <c r="C47" s="5" t="s">
        <v>170</v>
      </c>
      <c r="D47" s="6" t="s">
        <v>171</v>
      </c>
      <c r="E47" s="5" t="s">
        <v>172</v>
      </c>
      <c r="F47" s="7">
        <v>33000</v>
      </c>
      <c r="G47" s="5" t="s">
        <v>61</v>
      </c>
      <c r="H47" s="6" t="s">
        <v>62</v>
      </c>
      <c r="I47" s="8">
        <v>43741</v>
      </c>
    </row>
    <row r="48" spans="1:9" ht="24" x14ac:dyDescent="0.2">
      <c r="A48" s="4">
        <v>43556</v>
      </c>
      <c r="B48" s="5" t="s">
        <v>8</v>
      </c>
      <c r="C48" s="5" t="s">
        <v>170</v>
      </c>
      <c r="D48" s="6" t="s">
        <v>173</v>
      </c>
      <c r="E48" s="5" t="s">
        <v>174</v>
      </c>
      <c r="F48" s="7">
        <v>32917</v>
      </c>
      <c r="G48" s="5" t="s">
        <v>175</v>
      </c>
      <c r="H48" s="6" t="s">
        <v>176</v>
      </c>
      <c r="I48" s="8">
        <v>43753</v>
      </c>
    </row>
    <row r="49" spans="1:9" ht="24" x14ac:dyDescent="0.2">
      <c r="A49" s="4">
        <v>43556</v>
      </c>
      <c r="B49" s="5" t="s">
        <v>8</v>
      </c>
      <c r="C49" s="5" t="s">
        <v>170</v>
      </c>
      <c r="D49" s="6" t="s">
        <v>177</v>
      </c>
      <c r="E49" s="5" t="s">
        <v>178</v>
      </c>
      <c r="F49" s="7">
        <v>55330</v>
      </c>
      <c r="G49" s="5" t="s">
        <v>179</v>
      </c>
      <c r="H49" s="6" t="s">
        <v>180</v>
      </c>
      <c r="I49" s="8">
        <v>43797</v>
      </c>
    </row>
    <row r="50" spans="1:9" ht="24" x14ac:dyDescent="0.2">
      <c r="A50" s="4">
        <v>43556</v>
      </c>
      <c r="B50" s="5" t="s">
        <v>8</v>
      </c>
      <c r="C50" s="5" t="s">
        <v>181</v>
      </c>
      <c r="D50" s="6" t="s">
        <v>182</v>
      </c>
      <c r="E50" s="5" t="s">
        <v>183</v>
      </c>
      <c r="F50" s="7">
        <v>241543</v>
      </c>
      <c r="G50" s="5" t="s">
        <v>168</v>
      </c>
      <c r="H50" s="6" t="s">
        <v>169</v>
      </c>
      <c r="I50" s="8">
        <v>43748</v>
      </c>
    </row>
    <row r="51" spans="1:9" ht="24" x14ac:dyDescent="0.2">
      <c r="A51" s="4">
        <v>43556</v>
      </c>
      <c r="B51" s="5" t="s">
        <v>8</v>
      </c>
      <c r="C51" s="5" t="s">
        <v>181</v>
      </c>
      <c r="D51" s="6" t="s">
        <v>184</v>
      </c>
      <c r="E51" s="5" t="s">
        <v>185</v>
      </c>
      <c r="F51" s="7">
        <v>5000</v>
      </c>
      <c r="G51" s="5" t="s">
        <v>186</v>
      </c>
      <c r="H51" s="6" t="s">
        <v>77</v>
      </c>
      <c r="I51" s="8">
        <v>43748</v>
      </c>
    </row>
    <row r="52" spans="1:9" ht="24" x14ac:dyDescent="0.2">
      <c r="A52" s="4">
        <v>43556</v>
      </c>
      <c r="B52" s="5" t="s">
        <v>8</v>
      </c>
      <c r="C52" s="5" t="s">
        <v>181</v>
      </c>
      <c r="D52" s="6" t="s">
        <v>187</v>
      </c>
      <c r="E52" s="5" t="s">
        <v>188</v>
      </c>
      <c r="F52" s="7">
        <v>30454</v>
      </c>
      <c r="G52" s="5" t="s">
        <v>94</v>
      </c>
      <c r="H52" s="6" t="s">
        <v>95</v>
      </c>
      <c r="I52" s="8">
        <v>43770</v>
      </c>
    </row>
    <row r="53" spans="1:9" ht="24" x14ac:dyDescent="0.2">
      <c r="A53" s="4">
        <v>43556</v>
      </c>
      <c r="B53" s="5" t="s">
        <v>8</v>
      </c>
      <c r="C53" s="5" t="s">
        <v>181</v>
      </c>
      <c r="D53" s="6" t="s">
        <v>189</v>
      </c>
      <c r="E53" s="5" t="s">
        <v>190</v>
      </c>
      <c r="F53" s="7">
        <v>128920</v>
      </c>
      <c r="G53" s="5" t="s">
        <v>191</v>
      </c>
      <c r="H53" s="6" t="s">
        <v>192</v>
      </c>
      <c r="I53" s="8">
        <v>43781</v>
      </c>
    </row>
    <row r="54" spans="1:9" ht="24" x14ac:dyDescent="0.2">
      <c r="A54" s="4">
        <v>43556</v>
      </c>
      <c r="B54" s="5" t="s">
        <v>8</v>
      </c>
      <c r="C54" s="5" t="s">
        <v>181</v>
      </c>
      <c r="D54" s="6" t="s">
        <v>193</v>
      </c>
      <c r="E54" s="5" t="s">
        <v>194</v>
      </c>
      <c r="F54" s="7">
        <v>47520</v>
      </c>
      <c r="G54" s="5" t="s">
        <v>195</v>
      </c>
      <c r="H54" s="6" t="s">
        <v>196</v>
      </c>
      <c r="I54" s="8">
        <v>43797</v>
      </c>
    </row>
    <row r="55" spans="1:9" ht="24" x14ac:dyDescent="0.2">
      <c r="A55" s="4">
        <v>43556</v>
      </c>
      <c r="B55" s="5" t="s">
        <v>8</v>
      </c>
      <c r="C55" s="5" t="s">
        <v>181</v>
      </c>
      <c r="D55" s="6" t="s">
        <v>197</v>
      </c>
      <c r="E55" s="5" t="s">
        <v>198</v>
      </c>
      <c r="F55" s="7">
        <v>14700</v>
      </c>
      <c r="G55" s="5" t="s">
        <v>145</v>
      </c>
      <c r="H55" s="6" t="s">
        <v>146</v>
      </c>
      <c r="I55" s="8">
        <v>43823</v>
      </c>
    </row>
    <row r="56" spans="1:9" ht="24" x14ac:dyDescent="0.2">
      <c r="A56" s="4">
        <v>43556</v>
      </c>
      <c r="B56" s="5" t="s">
        <v>8</v>
      </c>
      <c r="C56" s="5" t="s">
        <v>181</v>
      </c>
      <c r="D56" s="6" t="s">
        <v>199</v>
      </c>
      <c r="E56" s="5" t="s">
        <v>200</v>
      </c>
      <c r="F56" s="7">
        <v>21678</v>
      </c>
      <c r="G56" s="5" t="s">
        <v>201</v>
      </c>
      <c r="H56" s="6" t="s">
        <v>202</v>
      </c>
      <c r="I56" s="8">
        <v>43823</v>
      </c>
    </row>
    <row r="57" spans="1:9" ht="24" x14ac:dyDescent="0.2">
      <c r="A57" s="4">
        <v>43556</v>
      </c>
      <c r="B57" s="5" t="s">
        <v>8</v>
      </c>
      <c r="C57" s="5" t="s">
        <v>203</v>
      </c>
      <c r="D57" s="6" t="s">
        <v>204</v>
      </c>
      <c r="E57" s="5" t="s">
        <v>205</v>
      </c>
      <c r="F57" s="7">
        <v>211300</v>
      </c>
      <c r="G57" s="5" t="s">
        <v>168</v>
      </c>
      <c r="H57" s="6" t="s">
        <v>169</v>
      </c>
      <c r="I57" s="8">
        <v>43740</v>
      </c>
    </row>
    <row r="58" spans="1:9" ht="24" x14ac:dyDescent="0.2">
      <c r="A58" s="4">
        <v>43556</v>
      </c>
      <c r="B58" s="5" t="s">
        <v>8</v>
      </c>
      <c r="C58" s="5" t="s">
        <v>203</v>
      </c>
      <c r="D58" s="6" t="s">
        <v>206</v>
      </c>
      <c r="E58" s="5" t="s">
        <v>207</v>
      </c>
      <c r="F58" s="7">
        <v>3630</v>
      </c>
      <c r="G58" s="5" t="s">
        <v>208</v>
      </c>
      <c r="H58" s="6" t="s">
        <v>209</v>
      </c>
      <c r="I58" s="8">
        <v>43753</v>
      </c>
    </row>
    <row r="59" spans="1:9" ht="24" x14ac:dyDescent="0.2">
      <c r="A59" s="4">
        <v>43556</v>
      </c>
      <c r="B59" s="5" t="s">
        <v>8</v>
      </c>
      <c r="C59" s="5" t="s">
        <v>203</v>
      </c>
      <c r="D59" s="6" t="s">
        <v>210</v>
      </c>
      <c r="E59" s="5" t="s">
        <v>211</v>
      </c>
      <c r="F59" s="7">
        <v>6545</v>
      </c>
      <c r="G59" s="5" t="s">
        <v>208</v>
      </c>
      <c r="H59" s="6" t="s">
        <v>209</v>
      </c>
      <c r="I59" s="8">
        <v>43798</v>
      </c>
    </row>
    <row r="60" spans="1:9" ht="24" x14ac:dyDescent="0.2">
      <c r="A60" s="4">
        <v>43556</v>
      </c>
      <c r="B60" s="5" t="s">
        <v>8</v>
      </c>
      <c r="C60" s="5" t="s">
        <v>203</v>
      </c>
      <c r="D60" s="6" t="s">
        <v>212</v>
      </c>
      <c r="E60" s="5" t="s">
        <v>213</v>
      </c>
      <c r="F60" s="7">
        <v>39887</v>
      </c>
      <c r="G60" s="5" t="s">
        <v>214</v>
      </c>
      <c r="H60" s="6" t="s">
        <v>215</v>
      </c>
      <c r="I60" s="8">
        <v>43801</v>
      </c>
    </row>
    <row r="61" spans="1:9" ht="24" x14ac:dyDescent="0.2">
      <c r="A61" s="4">
        <v>43556</v>
      </c>
      <c r="B61" s="5" t="s">
        <v>8</v>
      </c>
      <c r="C61" s="5" t="s">
        <v>203</v>
      </c>
      <c r="D61" s="6" t="s">
        <v>216</v>
      </c>
      <c r="E61" s="5" t="s">
        <v>217</v>
      </c>
      <c r="F61" s="7">
        <v>91916</v>
      </c>
      <c r="G61" s="5" t="s">
        <v>141</v>
      </c>
      <c r="H61" s="6" t="s">
        <v>142</v>
      </c>
      <c r="I61" s="8">
        <v>43812</v>
      </c>
    </row>
    <row r="62" spans="1:9" ht="24" x14ac:dyDescent="0.2">
      <c r="A62" s="4">
        <v>43556</v>
      </c>
      <c r="B62" s="5" t="s">
        <v>8</v>
      </c>
      <c r="C62" s="5" t="s">
        <v>203</v>
      </c>
      <c r="D62" s="6" t="s">
        <v>218</v>
      </c>
      <c r="E62" s="5" t="s">
        <v>219</v>
      </c>
      <c r="F62" s="7">
        <v>9567</v>
      </c>
      <c r="G62" s="5" t="s">
        <v>220</v>
      </c>
      <c r="H62" s="6" t="s">
        <v>221</v>
      </c>
      <c r="I62" s="8">
        <v>43825</v>
      </c>
    </row>
    <row r="63" spans="1:9" ht="24" x14ac:dyDescent="0.2">
      <c r="A63" s="4">
        <v>43556</v>
      </c>
      <c r="B63" s="5" t="s">
        <v>8</v>
      </c>
      <c r="C63" s="5" t="s">
        <v>203</v>
      </c>
      <c r="D63" s="6" t="s">
        <v>222</v>
      </c>
      <c r="E63" s="5" t="s">
        <v>219</v>
      </c>
      <c r="F63" s="7">
        <v>14700</v>
      </c>
      <c r="G63" s="5" t="s">
        <v>223</v>
      </c>
      <c r="H63" s="6" t="s">
        <v>77</v>
      </c>
      <c r="I63" s="8">
        <v>43825</v>
      </c>
    </row>
    <row r="64" spans="1:9" ht="24" x14ac:dyDescent="0.2">
      <c r="A64" s="4">
        <v>43556</v>
      </c>
      <c r="B64" s="5" t="s">
        <v>8</v>
      </c>
      <c r="C64" s="5" t="s">
        <v>224</v>
      </c>
      <c r="D64" s="6" t="s">
        <v>225</v>
      </c>
      <c r="E64" s="5" t="s">
        <v>226</v>
      </c>
      <c r="F64" s="7">
        <v>41580</v>
      </c>
      <c r="G64" s="5" t="s">
        <v>227</v>
      </c>
      <c r="H64" s="6" t="s">
        <v>228</v>
      </c>
      <c r="I64" s="8">
        <v>43749</v>
      </c>
    </row>
    <row r="65" spans="1:9" ht="24" x14ac:dyDescent="0.2">
      <c r="A65" s="4">
        <v>43556</v>
      </c>
      <c r="B65" s="5" t="s">
        <v>8</v>
      </c>
      <c r="C65" s="5" t="s">
        <v>224</v>
      </c>
      <c r="D65" s="6" t="s">
        <v>229</v>
      </c>
      <c r="E65" s="5" t="s">
        <v>230</v>
      </c>
      <c r="F65" s="7">
        <v>25080</v>
      </c>
      <c r="G65" s="5" t="s">
        <v>231</v>
      </c>
      <c r="H65" s="6" t="s">
        <v>232</v>
      </c>
      <c r="I65" s="8">
        <v>43753</v>
      </c>
    </row>
    <row r="66" spans="1:9" ht="24" x14ac:dyDescent="0.2">
      <c r="A66" s="4">
        <v>43556</v>
      </c>
      <c r="B66" s="5" t="s">
        <v>8</v>
      </c>
      <c r="C66" s="5" t="s">
        <v>224</v>
      </c>
      <c r="D66" s="6" t="s">
        <v>233</v>
      </c>
      <c r="E66" s="5" t="s">
        <v>234</v>
      </c>
      <c r="F66" s="7">
        <v>33000</v>
      </c>
      <c r="G66" s="5" t="s">
        <v>235</v>
      </c>
      <c r="H66" s="6" t="s">
        <v>236</v>
      </c>
      <c r="I66" s="8">
        <v>43767</v>
      </c>
    </row>
    <row r="67" spans="1:9" ht="24" x14ac:dyDescent="0.2">
      <c r="A67" s="4">
        <v>43556</v>
      </c>
      <c r="B67" s="5" t="s">
        <v>8</v>
      </c>
      <c r="C67" s="5" t="s">
        <v>224</v>
      </c>
      <c r="D67" s="6" t="s">
        <v>237</v>
      </c>
      <c r="E67" s="5" t="s">
        <v>238</v>
      </c>
      <c r="F67" s="7">
        <v>53737</v>
      </c>
      <c r="G67" s="5" t="s">
        <v>239</v>
      </c>
      <c r="H67" s="6" t="s">
        <v>240</v>
      </c>
      <c r="I67" s="8">
        <v>43774</v>
      </c>
    </row>
    <row r="68" spans="1:9" ht="24" x14ac:dyDescent="0.2">
      <c r="A68" s="4">
        <v>43556</v>
      </c>
      <c r="B68" s="5" t="s">
        <v>8</v>
      </c>
      <c r="C68" s="5" t="s">
        <v>224</v>
      </c>
      <c r="D68" s="6" t="s">
        <v>241</v>
      </c>
      <c r="E68" s="5" t="s">
        <v>242</v>
      </c>
      <c r="F68" s="7">
        <v>32439</v>
      </c>
      <c r="G68" s="5" t="s">
        <v>243</v>
      </c>
      <c r="H68" s="6" t="s">
        <v>244</v>
      </c>
      <c r="I68" s="8">
        <v>43776</v>
      </c>
    </row>
    <row r="69" spans="1:9" x14ac:dyDescent="0.2">
      <c r="A69" s="4">
        <v>43556</v>
      </c>
      <c r="B69" s="5" t="s">
        <v>8</v>
      </c>
      <c r="C69" s="5" t="s">
        <v>224</v>
      </c>
      <c r="D69" s="6" t="s">
        <v>245</v>
      </c>
      <c r="E69" s="5" t="s">
        <v>246</v>
      </c>
      <c r="F69" s="7">
        <v>3300</v>
      </c>
      <c r="G69" s="5" t="s">
        <v>635</v>
      </c>
      <c r="H69" s="6" t="s">
        <v>77</v>
      </c>
      <c r="I69" s="8">
        <v>43788</v>
      </c>
    </row>
    <row r="70" spans="1:9" ht="24" x14ac:dyDescent="0.2">
      <c r="A70" s="4">
        <v>43556</v>
      </c>
      <c r="B70" s="5" t="s">
        <v>8</v>
      </c>
      <c r="C70" s="5" t="s">
        <v>224</v>
      </c>
      <c r="D70" s="6" t="s">
        <v>247</v>
      </c>
      <c r="E70" s="5" t="s">
        <v>248</v>
      </c>
      <c r="F70" s="7">
        <v>3036</v>
      </c>
      <c r="G70" s="5" t="s">
        <v>249</v>
      </c>
      <c r="H70" s="6" t="s">
        <v>77</v>
      </c>
      <c r="I70" s="8">
        <v>43817</v>
      </c>
    </row>
    <row r="71" spans="1:9" ht="24" x14ac:dyDescent="0.2">
      <c r="A71" s="4">
        <v>43556</v>
      </c>
      <c r="B71" s="5" t="s">
        <v>8</v>
      </c>
      <c r="C71" s="5" t="s">
        <v>224</v>
      </c>
      <c r="D71" s="6" t="s">
        <v>250</v>
      </c>
      <c r="E71" s="5" t="s">
        <v>251</v>
      </c>
      <c r="F71" s="7">
        <v>23367</v>
      </c>
      <c r="G71" s="5" t="s">
        <v>252</v>
      </c>
      <c r="H71" s="6" t="s">
        <v>253</v>
      </c>
      <c r="I71" s="8">
        <v>43823</v>
      </c>
    </row>
    <row r="72" spans="1:9" ht="24" x14ac:dyDescent="0.2">
      <c r="A72" s="4">
        <v>43556</v>
      </c>
      <c r="B72" s="5" t="s">
        <v>8</v>
      </c>
      <c r="C72" s="5" t="s">
        <v>224</v>
      </c>
      <c r="D72" s="6" t="s">
        <v>254</v>
      </c>
      <c r="E72" s="5" t="s">
        <v>255</v>
      </c>
      <c r="F72" s="7">
        <v>45947</v>
      </c>
      <c r="G72" s="5" t="s">
        <v>243</v>
      </c>
      <c r="H72" s="6" t="s">
        <v>244</v>
      </c>
      <c r="I72" s="8">
        <v>43826</v>
      </c>
    </row>
    <row r="73" spans="1:9" ht="24" x14ac:dyDescent="0.2">
      <c r="A73" s="4">
        <v>43556</v>
      </c>
      <c r="B73" s="5" t="s">
        <v>8</v>
      </c>
      <c r="C73" s="5" t="s">
        <v>256</v>
      </c>
      <c r="D73" s="6" t="s">
        <v>257</v>
      </c>
      <c r="E73" s="5" t="s">
        <v>258</v>
      </c>
      <c r="F73" s="7">
        <v>10356</v>
      </c>
      <c r="G73" s="5" t="s">
        <v>89</v>
      </c>
      <c r="H73" s="6" t="s">
        <v>90</v>
      </c>
      <c r="I73" s="8">
        <v>43739</v>
      </c>
    </row>
    <row r="74" spans="1:9" ht="24" x14ac:dyDescent="0.2">
      <c r="A74" s="4">
        <v>43556</v>
      </c>
      <c r="B74" s="5" t="s">
        <v>8</v>
      </c>
      <c r="C74" s="5" t="s">
        <v>256</v>
      </c>
      <c r="D74" s="6" t="s">
        <v>259</v>
      </c>
      <c r="E74" s="5" t="s">
        <v>260</v>
      </c>
      <c r="F74" s="7">
        <v>54432</v>
      </c>
      <c r="G74" s="5" t="s">
        <v>261</v>
      </c>
      <c r="H74" s="6" t="s">
        <v>262</v>
      </c>
      <c r="I74" s="8">
        <v>43745</v>
      </c>
    </row>
    <row r="75" spans="1:9" ht="24" x14ac:dyDescent="0.2">
      <c r="A75" s="4">
        <v>43556</v>
      </c>
      <c r="B75" s="5" t="s">
        <v>8</v>
      </c>
      <c r="C75" s="5" t="s">
        <v>256</v>
      </c>
      <c r="D75" s="6" t="s">
        <v>263</v>
      </c>
      <c r="E75" s="5" t="s">
        <v>264</v>
      </c>
      <c r="F75" s="7">
        <v>26235</v>
      </c>
      <c r="G75" s="5" t="s">
        <v>265</v>
      </c>
      <c r="H75" s="6" t="s">
        <v>266</v>
      </c>
      <c r="I75" s="8">
        <v>43753</v>
      </c>
    </row>
    <row r="76" spans="1:9" ht="24" x14ac:dyDescent="0.2">
      <c r="A76" s="4">
        <v>43556</v>
      </c>
      <c r="B76" s="5" t="s">
        <v>8</v>
      </c>
      <c r="C76" s="5" t="s">
        <v>256</v>
      </c>
      <c r="D76" s="6" t="s">
        <v>267</v>
      </c>
      <c r="E76" s="5" t="s">
        <v>268</v>
      </c>
      <c r="F76" s="7">
        <v>115500</v>
      </c>
      <c r="G76" s="5" t="s">
        <v>269</v>
      </c>
      <c r="H76" s="6" t="s">
        <v>270</v>
      </c>
      <c r="I76" s="8">
        <v>43769</v>
      </c>
    </row>
    <row r="77" spans="1:9" ht="24" x14ac:dyDescent="0.2">
      <c r="A77" s="4">
        <v>43556</v>
      </c>
      <c r="B77" s="5" t="s">
        <v>8</v>
      </c>
      <c r="C77" s="5" t="s">
        <v>256</v>
      </c>
      <c r="D77" s="6" t="s">
        <v>271</v>
      </c>
      <c r="E77" s="5" t="s">
        <v>272</v>
      </c>
      <c r="F77" s="7">
        <v>48664</v>
      </c>
      <c r="G77" s="5" t="s">
        <v>265</v>
      </c>
      <c r="H77" s="6" t="s">
        <v>266</v>
      </c>
      <c r="I77" s="8">
        <v>43774</v>
      </c>
    </row>
    <row r="78" spans="1:9" ht="24" x14ac:dyDescent="0.2">
      <c r="A78" s="4">
        <v>43556</v>
      </c>
      <c r="B78" s="5" t="s">
        <v>8</v>
      </c>
      <c r="C78" s="5" t="s">
        <v>256</v>
      </c>
      <c r="D78" s="6" t="s">
        <v>273</v>
      </c>
      <c r="E78" s="5" t="s">
        <v>274</v>
      </c>
      <c r="F78" s="7">
        <v>99000</v>
      </c>
      <c r="G78" s="5" t="s">
        <v>275</v>
      </c>
      <c r="H78" s="6" t="s">
        <v>276</v>
      </c>
      <c r="I78" s="8">
        <v>43790</v>
      </c>
    </row>
    <row r="79" spans="1:9" ht="24" x14ac:dyDescent="0.2">
      <c r="A79" s="4">
        <v>43556</v>
      </c>
      <c r="B79" s="5" t="s">
        <v>8</v>
      </c>
      <c r="C79" s="5" t="s">
        <v>256</v>
      </c>
      <c r="D79" s="6" t="s">
        <v>277</v>
      </c>
      <c r="E79" s="5" t="s">
        <v>278</v>
      </c>
      <c r="F79" s="7">
        <v>127479</v>
      </c>
      <c r="G79" s="5" t="s">
        <v>265</v>
      </c>
      <c r="H79" s="6" t="s">
        <v>266</v>
      </c>
      <c r="I79" s="8">
        <v>43791</v>
      </c>
    </row>
    <row r="80" spans="1:9" ht="24" x14ac:dyDescent="0.2">
      <c r="A80" s="4">
        <v>43556</v>
      </c>
      <c r="B80" s="5" t="s">
        <v>8</v>
      </c>
      <c r="C80" s="5" t="s">
        <v>256</v>
      </c>
      <c r="D80" s="6" t="s">
        <v>279</v>
      </c>
      <c r="E80" s="5" t="s">
        <v>280</v>
      </c>
      <c r="F80" s="7">
        <v>62122</v>
      </c>
      <c r="G80" s="5" t="s">
        <v>261</v>
      </c>
      <c r="H80" s="6" t="s">
        <v>262</v>
      </c>
      <c r="I80" s="8">
        <v>43805</v>
      </c>
    </row>
    <row r="81" spans="1:9" ht="24" x14ac:dyDescent="0.2">
      <c r="A81" s="4">
        <v>43556</v>
      </c>
      <c r="B81" s="5" t="s">
        <v>8</v>
      </c>
      <c r="C81" s="5" t="s">
        <v>256</v>
      </c>
      <c r="D81" s="6" t="s">
        <v>281</v>
      </c>
      <c r="E81" s="5" t="s">
        <v>282</v>
      </c>
      <c r="F81" s="7">
        <v>110114</v>
      </c>
      <c r="G81" s="5" t="s">
        <v>283</v>
      </c>
      <c r="H81" s="6" t="s">
        <v>95</v>
      </c>
      <c r="I81" s="8">
        <v>43812</v>
      </c>
    </row>
    <row r="82" spans="1:9" ht="24" x14ac:dyDescent="0.2">
      <c r="A82" s="4">
        <v>43556</v>
      </c>
      <c r="B82" s="5" t="s">
        <v>8</v>
      </c>
      <c r="C82" s="5" t="s">
        <v>256</v>
      </c>
      <c r="D82" s="6" t="s">
        <v>284</v>
      </c>
      <c r="E82" s="5" t="s">
        <v>285</v>
      </c>
      <c r="F82" s="7">
        <v>9567</v>
      </c>
      <c r="G82" s="5" t="s">
        <v>286</v>
      </c>
      <c r="H82" s="6" t="s">
        <v>77</v>
      </c>
      <c r="I82" s="8">
        <v>43823</v>
      </c>
    </row>
    <row r="83" spans="1:9" ht="24" x14ac:dyDescent="0.2">
      <c r="A83" s="4">
        <v>43556</v>
      </c>
      <c r="B83" s="5" t="s">
        <v>8</v>
      </c>
      <c r="C83" s="5" t="s">
        <v>256</v>
      </c>
      <c r="D83" s="6" t="s">
        <v>287</v>
      </c>
      <c r="E83" s="5" t="s">
        <v>288</v>
      </c>
      <c r="F83" s="7">
        <v>13950</v>
      </c>
      <c r="G83" s="5" t="s">
        <v>289</v>
      </c>
      <c r="H83" s="6" t="s">
        <v>290</v>
      </c>
      <c r="I83" s="8">
        <v>43823</v>
      </c>
    </row>
    <row r="84" spans="1:9" ht="24" x14ac:dyDescent="0.2">
      <c r="A84" s="4">
        <v>43556</v>
      </c>
      <c r="B84" s="5" t="s">
        <v>8</v>
      </c>
      <c r="C84" s="5" t="s">
        <v>291</v>
      </c>
      <c r="D84" s="6" t="s">
        <v>292</v>
      </c>
      <c r="E84" s="5" t="s">
        <v>293</v>
      </c>
      <c r="F84" s="7">
        <v>97020</v>
      </c>
      <c r="G84" s="5" t="s">
        <v>261</v>
      </c>
      <c r="H84" s="6" t="s">
        <v>262</v>
      </c>
      <c r="I84" s="8">
        <v>43739</v>
      </c>
    </row>
    <row r="85" spans="1:9" x14ac:dyDescent="0.2">
      <c r="A85" s="4">
        <v>43556</v>
      </c>
      <c r="B85" s="5" t="s">
        <v>8</v>
      </c>
      <c r="C85" s="5" t="s">
        <v>291</v>
      </c>
      <c r="D85" s="6" t="s">
        <v>294</v>
      </c>
      <c r="E85" s="5" t="s">
        <v>295</v>
      </c>
      <c r="F85" s="7">
        <v>5000</v>
      </c>
      <c r="G85" s="5" t="s">
        <v>636</v>
      </c>
      <c r="H85" s="6" t="s">
        <v>77</v>
      </c>
      <c r="I85" s="8">
        <v>43781</v>
      </c>
    </row>
    <row r="86" spans="1:9" x14ac:dyDescent="0.2">
      <c r="A86" s="4">
        <v>43556</v>
      </c>
      <c r="B86" s="5" t="s">
        <v>8</v>
      </c>
      <c r="C86" s="5" t="s">
        <v>291</v>
      </c>
      <c r="D86" s="6" t="s">
        <v>297</v>
      </c>
      <c r="E86" s="5" t="s">
        <v>295</v>
      </c>
      <c r="F86" s="7">
        <v>5000</v>
      </c>
      <c r="G86" s="5" t="s">
        <v>296</v>
      </c>
      <c r="H86" s="6" t="s">
        <v>77</v>
      </c>
      <c r="I86" s="8">
        <v>43802</v>
      </c>
    </row>
    <row r="87" spans="1:9" ht="24" x14ac:dyDescent="0.2">
      <c r="A87" s="4">
        <v>43556</v>
      </c>
      <c r="B87" s="5" t="s">
        <v>8</v>
      </c>
      <c r="C87" s="5" t="s">
        <v>291</v>
      </c>
      <c r="D87" s="6" t="s">
        <v>298</v>
      </c>
      <c r="E87" s="5" t="s">
        <v>299</v>
      </c>
      <c r="F87" s="7">
        <v>23367</v>
      </c>
      <c r="G87" s="5" t="s">
        <v>300</v>
      </c>
      <c r="H87" s="6" t="s">
        <v>301</v>
      </c>
      <c r="I87" s="8">
        <v>43822</v>
      </c>
    </row>
    <row r="88" spans="1:9" ht="24" x14ac:dyDescent="0.2">
      <c r="A88" s="4">
        <v>43556</v>
      </c>
      <c r="B88" s="5" t="s">
        <v>8</v>
      </c>
      <c r="C88" s="5" t="s">
        <v>291</v>
      </c>
      <c r="D88" s="6" t="s">
        <v>302</v>
      </c>
      <c r="E88" s="5" t="s">
        <v>303</v>
      </c>
      <c r="F88" s="7">
        <v>13554</v>
      </c>
      <c r="G88" s="5" t="s">
        <v>304</v>
      </c>
      <c r="H88" s="6" t="s">
        <v>305</v>
      </c>
      <c r="I88" s="8">
        <v>43825</v>
      </c>
    </row>
    <row r="89" spans="1:9" ht="24" x14ac:dyDescent="0.2">
      <c r="A89" s="4">
        <v>43556</v>
      </c>
      <c r="B89" s="5" t="s">
        <v>8</v>
      </c>
      <c r="C89" s="5" t="s">
        <v>306</v>
      </c>
      <c r="D89" s="6" t="s">
        <v>307</v>
      </c>
      <c r="E89" s="5" t="s">
        <v>308</v>
      </c>
      <c r="F89" s="7">
        <v>31867</v>
      </c>
      <c r="G89" s="5" t="s">
        <v>309</v>
      </c>
      <c r="H89" s="6" t="s">
        <v>310</v>
      </c>
      <c r="I89" s="8">
        <v>43756</v>
      </c>
    </row>
    <row r="90" spans="1:9" ht="24" x14ac:dyDescent="0.2">
      <c r="A90" s="4">
        <v>43556</v>
      </c>
      <c r="B90" s="5" t="s">
        <v>8</v>
      </c>
      <c r="C90" s="5" t="s">
        <v>306</v>
      </c>
      <c r="D90" s="6" t="s">
        <v>311</v>
      </c>
      <c r="E90" s="5" t="s">
        <v>312</v>
      </c>
      <c r="F90" s="7">
        <v>178640</v>
      </c>
      <c r="G90" s="5" t="s">
        <v>313</v>
      </c>
      <c r="H90" s="6" t="s">
        <v>314</v>
      </c>
      <c r="I90" s="8">
        <v>43759</v>
      </c>
    </row>
    <row r="91" spans="1:9" x14ac:dyDescent="0.2">
      <c r="A91" s="4">
        <v>43556</v>
      </c>
      <c r="B91" s="5" t="s">
        <v>8</v>
      </c>
      <c r="C91" s="5" t="s">
        <v>306</v>
      </c>
      <c r="D91" s="6" t="s">
        <v>315</v>
      </c>
      <c r="E91" s="5" t="s">
        <v>316</v>
      </c>
      <c r="F91" s="7">
        <v>5000</v>
      </c>
      <c r="G91" s="5" t="s">
        <v>317</v>
      </c>
      <c r="H91" s="6" t="s">
        <v>77</v>
      </c>
      <c r="I91" s="8">
        <v>43766</v>
      </c>
    </row>
    <row r="92" spans="1:9" ht="24" x14ac:dyDescent="0.2">
      <c r="A92" s="4">
        <v>43556</v>
      </c>
      <c r="B92" s="5" t="s">
        <v>8</v>
      </c>
      <c r="C92" s="5" t="s">
        <v>306</v>
      </c>
      <c r="D92" s="6" t="s">
        <v>318</v>
      </c>
      <c r="E92" s="5" t="s">
        <v>319</v>
      </c>
      <c r="F92" s="7">
        <v>46200</v>
      </c>
      <c r="G92" s="5" t="s">
        <v>320</v>
      </c>
      <c r="H92" s="6" t="s">
        <v>321</v>
      </c>
      <c r="I92" s="8">
        <v>43774</v>
      </c>
    </row>
    <row r="93" spans="1:9" x14ac:dyDescent="0.2">
      <c r="A93" s="4">
        <v>43556</v>
      </c>
      <c r="B93" s="5" t="s">
        <v>8</v>
      </c>
      <c r="C93" s="5" t="s">
        <v>306</v>
      </c>
      <c r="D93" s="6" t="s">
        <v>322</v>
      </c>
      <c r="E93" s="5" t="s">
        <v>323</v>
      </c>
      <c r="F93" s="7">
        <v>29816</v>
      </c>
      <c r="G93" s="5" t="s">
        <v>324</v>
      </c>
      <c r="H93" s="6" t="s">
        <v>325</v>
      </c>
      <c r="I93" s="8">
        <v>43780</v>
      </c>
    </row>
    <row r="94" spans="1:9" ht="24" x14ac:dyDescent="0.2">
      <c r="A94" s="4">
        <v>43556</v>
      </c>
      <c r="B94" s="5" t="s">
        <v>8</v>
      </c>
      <c r="C94" s="5" t="s">
        <v>306</v>
      </c>
      <c r="D94" s="6" t="s">
        <v>326</v>
      </c>
      <c r="E94" s="5" t="s">
        <v>327</v>
      </c>
      <c r="F94" s="7">
        <v>86460</v>
      </c>
      <c r="G94" s="5" t="s">
        <v>49</v>
      </c>
      <c r="H94" s="6" t="s">
        <v>50</v>
      </c>
      <c r="I94" s="8">
        <v>43791</v>
      </c>
    </row>
    <row r="95" spans="1:9" x14ac:dyDescent="0.2">
      <c r="A95" s="4">
        <v>43556</v>
      </c>
      <c r="B95" s="5" t="s">
        <v>8</v>
      </c>
      <c r="C95" s="5" t="s">
        <v>306</v>
      </c>
      <c r="D95" s="6" t="s">
        <v>328</v>
      </c>
      <c r="E95" s="5" t="s">
        <v>329</v>
      </c>
      <c r="F95" s="7">
        <v>5000</v>
      </c>
      <c r="G95" s="5" t="s">
        <v>317</v>
      </c>
      <c r="H95" s="6" t="s">
        <v>77</v>
      </c>
      <c r="I95" s="8">
        <v>43795</v>
      </c>
    </row>
    <row r="96" spans="1:9" ht="24" x14ac:dyDescent="0.2">
      <c r="A96" s="4">
        <v>43556</v>
      </c>
      <c r="B96" s="5" t="s">
        <v>8</v>
      </c>
      <c r="C96" s="5" t="s">
        <v>306</v>
      </c>
      <c r="D96" s="6" t="s">
        <v>330</v>
      </c>
      <c r="E96" s="5" t="s">
        <v>331</v>
      </c>
      <c r="F96" s="7">
        <v>12540</v>
      </c>
      <c r="G96" s="5" t="s">
        <v>309</v>
      </c>
      <c r="H96" s="6" t="s">
        <v>310</v>
      </c>
      <c r="I96" s="8">
        <v>43796</v>
      </c>
    </row>
    <row r="97" spans="1:9" ht="24" x14ac:dyDescent="0.2">
      <c r="A97" s="4">
        <v>43556</v>
      </c>
      <c r="B97" s="5" t="s">
        <v>8</v>
      </c>
      <c r="C97" s="5" t="s">
        <v>306</v>
      </c>
      <c r="D97" s="6" t="s">
        <v>332</v>
      </c>
      <c r="E97" s="5" t="s">
        <v>333</v>
      </c>
      <c r="F97" s="7">
        <v>3993</v>
      </c>
      <c r="G97" s="5" t="s">
        <v>208</v>
      </c>
      <c r="H97" s="6" t="s">
        <v>209</v>
      </c>
      <c r="I97" s="8">
        <v>43796</v>
      </c>
    </row>
    <row r="98" spans="1:9" x14ac:dyDescent="0.2">
      <c r="A98" s="4">
        <v>43556</v>
      </c>
      <c r="B98" s="5" t="s">
        <v>8</v>
      </c>
      <c r="C98" s="5" t="s">
        <v>306</v>
      </c>
      <c r="D98" s="6" t="s">
        <v>334</v>
      </c>
      <c r="E98" s="5" t="s">
        <v>335</v>
      </c>
      <c r="F98" s="7">
        <v>27289</v>
      </c>
      <c r="G98" s="5" t="s">
        <v>336</v>
      </c>
      <c r="H98" s="6" t="s">
        <v>77</v>
      </c>
      <c r="I98" s="8">
        <v>43808</v>
      </c>
    </row>
    <row r="99" spans="1:9" x14ac:dyDescent="0.2">
      <c r="A99" s="4">
        <v>43556</v>
      </c>
      <c r="B99" s="5" t="s">
        <v>8</v>
      </c>
      <c r="C99" s="5" t="s">
        <v>306</v>
      </c>
      <c r="D99" s="6" t="s">
        <v>337</v>
      </c>
      <c r="E99" s="5" t="s">
        <v>338</v>
      </c>
      <c r="F99" s="7">
        <v>5000</v>
      </c>
      <c r="G99" s="5" t="s">
        <v>317</v>
      </c>
      <c r="H99" s="6" t="s">
        <v>77</v>
      </c>
      <c r="I99" s="8">
        <v>43824</v>
      </c>
    </row>
    <row r="100" spans="1:9" ht="24" x14ac:dyDescent="0.2">
      <c r="A100" s="4">
        <v>43556</v>
      </c>
      <c r="B100" s="5" t="s">
        <v>8</v>
      </c>
      <c r="C100" s="5" t="s">
        <v>339</v>
      </c>
      <c r="D100" s="6" t="s">
        <v>340</v>
      </c>
      <c r="E100" s="5" t="s">
        <v>341</v>
      </c>
      <c r="F100" s="7">
        <v>11605</v>
      </c>
      <c r="G100" s="5" t="s">
        <v>342</v>
      </c>
      <c r="H100" s="6" t="s">
        <v>343</v>
      </c>
      <c r="I100" s="8">
        <v>43790</v>
      </c>
    </row>
    <row r="101" spans="1:9" ht="24" x14ac:dyDescent="0.2">
      <c r="A101" s="4">
        <v>43556</v>
      </c>
      <c r="B101" s="5" t="s">
        <v>8</v>
      </c>
      <c r="C101" s="5" t="s">
        <v>339</v>
      </c>
      <c r="D101" s="6" t="s">
        <v>344</v>
      </c>
      <c r="E101" s="5" t="s">
        <v>345</v>
      </c>
      <c r="F101" s="7">
        <v>48642</v>
      </c>
      <c r="G101" s="5" t="s">
        <v>346</v>
      </c>
      <c r="H101" s="6" t="s">
        <v>347</v>
      </c>
      <c r="I101" s="8">
        <v>43794</v>
      </c>
    </row>
    <row r="102" spans="1:9" ht="24" x14ac:dyDescent="0.2">
      <c r="A102" s="4">
        <v>43556</v>
      </c>
      <c r="B102" s="5" t="s">
        <v>8</v>
      </c>
      <c r="C102" s="5" t="s">
        <v>339</v>
      </c>
      <c r="D102" s="6" t="s">
        <v>348</v>
      </c>
      <c r="E102" s="5" t="s">
        <v>349</v>
      </c>
      <c r="F102" s="7">
        <v>18348</v>
      </c>
      <c r="G102" s="5" t="s">
        <v>89</v>
      </c>
      <c r="H102" s="6" t="s">
        <v>90</v>
      </c>
      <c r="I102" s="8">
        <v>43794</v>
      </c>
    </row>
    <row r="103" spans="1:9" ht="24" x14ac:dyDescent="0.2">
      <c r="A103" s="4">
        <v>43556</v>
      </c>
      <c r="B103" s="5" t="s">
        <v>8</v>
      </c>
      <c r="C103" s="5" t="s">
        <v>339</v>
      </c>
      <c r="D103" s="6" t="s">
        <v>350</v>
      </c>
      <c r="E103" s="5" t="s">
        <v>351</v>
      </c>
      <c r="F103" s="7">
        <v>123750</v>
      </c>
      <c r="G103" s="5" t="s">
        <v>352</v>
      </c>
      <c r="H103" s="6" t="s">
        <v>353</v>
      </c>
      <c r="I103" s="8">
        <v>43798</v>
      </c>
    </row>
    <row r="104" spans="1:9" ht="24" x14ac:dyDescent="0.2">
      <c r="A104" s="4">
        <v>43556</v>
      </c>
      <c r="B104" s="5" t="s">
        <v>8</v>
      </c>
      <c r="C104" s="5" t="s">
        <v>339</v>
      </c>
      <c r="D104" s="6" t="s">
        <v>354</v>
      </c>
      <c r="E104" s="5" t="s">
        <v>355</v>
      </c>
      <c r="F104" s="7">
        <v>9218</v>
      </c>
      <c r="G104" s="5" t="s">
        <v>356</v>
      </c>
      <c r="H104" s="6" t="s">
        <v>357</v>
      </c>
      <c r="I104" s="8">
        <v>43805</v>
      </c>
    </row>
    <row r="105" spans="1:9" ht="24" x14ac:dyDescent="0.2">
      <c r="A105" s="4">
        <v>43556</v>
      </c>
      <c r="B105" s="5" t="s">
        <v>8</v>
      </c>
      <c r="C105" s="5" t="s">
        <v>339</v>
      </c>
      <c r="D105" s="6" t="s">
        <v>358</v>
      </c>
      <c r="E105" s="5" t="s">
        <v>359</v>
      </c>
      <c r="F105" s="7">
        <v>40920</v>
      </c>
      <c r="G105" s="5" t="s">
        <v>320</v>
      </c>
      <c r="H105" s="6" t="s">
        <v>321</v>
      </c>
      <c r="I105" s="8">
        <v>43822</v>
      </c>
    </row>
    <row r="106" spans="1:9" ht="24" x14ac:dyDescent="0.2">
      <c r="A106" s="4">
        <v>43556</v>
      </c>
      <c r="B106" s="5" t="s">
        <v>8</v>
      </c>
      <c r="C106" s="5" t="s">
        <v>339</v>
      </c>
      <c r="D106" s="6" t="s">
        <v>360</v>
      </c>
      <c r="E106" s="5" t="s">
        <v>361</v>
      </c>
      <c r="F106" s="7">
        <v>23217</v>
      </c>
      <c r="G106" s="5" t="s">
        <v>362</v>
      </c>
      <c r="H106" s="6" t="s">
        <v>77</v>
      </c>
      <c r="I106" s="8">
        <v>43823</v>
      </c>
    </row>
    <row r="107" spans="1:9" ht="24" x14ac:dyDescent="0.2">
      <c r="A107" s="4">
        <v>43556</v>
      </c>
      <c r="B107" s="5" t="s">
        <v>8</v>
      </c>
      <c r="C107" s="5" t="s">
        <v>339</v>
      </c>
      <c r="D107" s="6" t="s">
        <v>363</v>
      </c>
      <c r="E107" s="5" t="s">
        <v>364</v>
      </c>
      <c r="F107" s="7">
        <v>21567</v>
      </c>
      <c r="G107" s="5" t="s">
        <v>365</v>
      </c>
      <c r="H107" s="6" t="s">
        <v>366</v>
      </c>
      <c r="I107" s="8">
        <v>43823</v>
      </c>
    </row>
    <row r="108" spans="1:9" ht="24" x14ac:dyDescent="0.2">
      <c r="A108" s="4">
        <v>43556</v>
      </c>
      <c r="B108" s="5" t="s">
        <v>8</v>
      </c>
      <c r="C108" s="5" t="s">
        <v>339</v>
      </c>
      <c r="D108" s="6" t="s">
        <v>367</v>
      </c>
      <c r="E108" s="5" t="s">
        <v>368</v>
      </c>
      <c r="F108" s="7">
        <v>137220</v>
      </c>
      <c r="G108" s="5" t="s">
        <v>342</v>
      </c>
      <c r="H108" s="6" t="s">
        <v>343</v>
      </c>
      <c r="I108" s="8">
        <v>43825</v>
      </c>
    </row>
    <row r="109" spans="1:9" ht="24" x14ac:dyDescent="0.2">
      <c r="A109" s="4">
        <v>43556</v>
      </c>
      <c r="B109" s="5" t="s">
        <v>8</v>
      </c>
      <c r="C109" s="5" t="s">
        <v>339</v>
      </c>
      <c r="D109" s="6" t="s">
        <v>369</v>
      </c>
      <c r="E109" s="5" t="s">
        <v>370</v>
      </c>
      <c r="F109" s="7">
        <v>49808</v>
      </c>
      <c r="G109" s="5" t="s">
        <v>342</v>
      </c>
      <c r="H109" s="6" t="s">
        <v>343</v>
      </c>
      <c r="I109" s="8">
        <v>43825</v>
      </c>
    </row>
    <row r="110" spans="1:9" ht="24" x14ac:dyDescent="0.2">
      <c r="A110" s="4">
        <v>43556</v>
      </c>
      <c r="B110" s="5" t="s">
        <v>8</v>
      </c>
      <c r="C110" s="5" t="s">
        <v>371</v>
      </c>
      <c r="D110" s="6" t="s">
        <v>372</v>
      </c>
      <c r="E110" s="5" t="s">
        <v>373</v>
      </c>
      <c r="F110" s="7">
        <v>14836</v>
      </c>
      <c r="G110" s="5" t="s">
        <v>374</v>
      </c>
      <c r="H110" s="6" t="s">
        <v>375</v>
      </c>
      <c r="I110" s="8">
        <v>43753</v>
      </c>
    </row>
    <row r="111" spans="1:9" ht="24" x14ac:dyDescent="0.2">
      <c r="A111" s="4">
        <v>43556</v>
      </c>
      <c r="B111" s="5" t="s">
        <v>8</v>
      </c>
      <c r="C111" s="5" t="s">
        <v>371</v>
      </c>
      <c r="D111" s="6" t="s">
        <v>376</v>
      </c>
      <c r="E111" s="5" t="s">
        <v>377</v>
      </c>
      <c r="F111" s="7">
        <v>3553</v>
      </c>
      <c r="G111" s="5" t="s">
        <v>313</v>
      </c>
      <c r="H111" s="6" t="s">
        <v>314</v>
      </c>
      <c r="I111" s="8">
        <v>43756</v>
      </c>
    </row>
    <row r="112" spans="1:9" x14ac:dyDescent="0.2">
      <c r="A112" s="4">
        <v>43556</v>
      </c>
      <c r="B112" s="5" t="s">
        <v>8</v>
      </c>
      <c r="C112" s="5" t="s">
        <v>371</v>
      </c>
      <c r="D112" s="6" t="s">
        <v>378</v>
      </c>
      <c r="E112" s="5" t="s">
        <v>379</v>
      </c>
      <c r="F112" s="7">
        <v>110</v>
      </c>
      <c r="G112" s="5" t="s">
        <v>637</v>
      </c>
      <c r="H112" s="6" t="s">
        <v>77</v>
      </c>
      <c r="I112" s="8">
        <v>43768</v>
      </c>
    </row>
    <row r="113" spans="1:9" ht="24" x14ac:dyDescent="0.2">
      <c r="A113" s="4">
        <v>43556</v>
      </c>
      <c r="B113" s="5" t="s">
        <v>8</v>
      </c>
      <c r="C113" s="5" t="s">
        <v>371</v>
      </c>
      <c r="D113" s="6" t="s">
        <v>380</v>
      </c>
      <c r="E113" s="5" t="s">
        <v>381</v>
      </c>
      <c r="F113" s="7">
        <v>49439</v>
      </c>
      <c r="G113" s="5" t="s">
        <v>313</v>
      </c>
      <c r="H113" s="6" t="s">
        <v>314</v>
      </c>
      <c r="I113" s="8">
        <v>43798</v>
      </c>
    </row>
    <row r="114" spans="1:9" ht="24" x14ac:dyDescent="0.2">
      <c r="A114" s="4">
        <v>43556</v>
      </c>
      <c r="B114" s="5" t="s">
        <v>8</v>
      </c>
      <c r="C114" s="5" t="s">
        <v>371</v>
      </c>
      <c r="D114" s="6" t="s">
        <v>382</v>
      </c>
      <c r="E114" s="5" t="s">
        <v>383</v>
      </c>
      <c r="F114" s="7">
        <v>6938</v>
      </c>
      <c r="G114" s="5" t="s">
        <v>374</v>
      </c>
      <c r="H114" s="6" t="s">
        <v>375</v>
      </c>
      <c r="I114" s="8">
        <v>43798</v>
      </c>
    </row>
    <row r="115" spans="1:9" x14ac:dyDescent="0.2">
      <c r="A115" s="4">
        <v>43556</v>
      </c>
      <c r="B115" s="5" t="s">
        <v>8</v>
      </c>
      <c r="C115" s="5" t="s">
        <v>371</v>
      </c>
      <c r="D115" s="6" t="s">
        <v>384</v>
      </c>
      <c r="E115" s="5" t="s">
        <v>385</v>
      </c>
      <c r="F115" s="7">
        <v>770</v>
      </c>
      <c r="G115" s="5" t="s">
        <v>637</v>
      </c>
      <c r="H115" s="6" t="s">
        <v>77</v>
      </c>
      <c r="I115" s="8">
        <v>43803</v>
      </c>
    </row>
    <row r="116" spans="1:9" ht="24" x14ac:dyDescent="0.2">
      <c r="A116" s="4">
        <v>43556</v>
      </c>
      <c r="B116" s="5" t="s">
        <v>8</v>
      </c>
      <c r="C116" s="5" t="s">
        <v>371</v>
      </c>
      <c r="D116" s="6" t="s">
        <v>386</v>
      </c>
      <c r="E116" s="5" t="s">
        <v>159</v>
      </c>
      <c r="F116" s="7">
        <v>15804</v>
      </c>
      <c r="G116" s="5" t="s">
        <v>387</v>
      </c>
      <c r="H116" s="6" t="s">
        <v>388</v>
      </c>
      <c r="I116" s="8">
        <v>43808</v>
      </c>
    </row>
    <row r="117" spans="1:9" ht="24" x14ac:dyDescent="0.2">
      <c r="A117" s="4">
        <v>43556</v>
      </c>
      <c r="B117" s="5" t="s">
        <v>8</v>
      </c>
      <c r="C117" s="5" t="s">
        <v>371</v>
      </c>
      <c r="D117" s="6" t="s">
        <v>389</v>
      </c>
      <c r="E117" s="5" t="s">
        <v>390</v>
      </c>
      <c r="F117" s="7">
        <v>1738</v>
      </c>
      <c r="G117" s="5" t="s">
        <v>387</v>
      </c>
      <c r="H117" s="6" t="s">
        <v>388</v>
      </c>
      <c r="I117" s="8">
        <v>43810</v>
      </c>
    </row>
    <row r="118" spans="1:9" ht="24" x14ac:dyDescent="0.2">
      <c r="A118" s="4">
        <v>43556</v>
      </c>
      <c r="B118" s="5" t="s">
        <v>8</v>
      </c>
      <c r="C118" s="5" t="s">
        <v>371</v>
      </c>
      <c r="D118" s="6" t="s">
        <v>391</v>
      </c>
      <c r="E118" s="5" t="s">
        <v>392</v>
      </c>
      <c r="F118" s="7">
        <v>9900</v>
      </c>
      <c r="G118" s="5" t="s">
        <v>393</v>
      </c>
      <c r="H118" s="6" t="s">
        <v>353</v>
      </c>
      <c r="I118" s="8">
        <v>43811</v>
      </c>
    </row>
    <row r="119" spans="1:9" ht="24" x14ac:dyDescent="0.2">
      <c r="A119" s="4">
        <v>43556</v>
      </c>
      <c r="B119" s="5" t="s">
        <v>8</v>
      </c>
      <c r="C119" s="5" t="s">
        <v>371</v>
      </c>
      <c r="D119" s="6" t="s">
        <v>394</v>
      </c>
      <c r="E119" s="5" t="s">
        <v>395</v>
      </c>
      <c r="F119" s="7">
        <v>31548</v>
      </c>
      <c r="G119" s="5" t="s">
        <v>313</v>
      </c>
      <c r="H119" s="6" t="s">
        <v>314</v>
      </c>
      <c r="I119" s="8">
        <v>43812</v>
      </c>
    </row>
    <row r="120" spans="1:9" ht="24" x14ac:dyDescent="0.2">
      <c r="A120" s="4">
        <v>43556</v>
      </c>
      <c r="B120" s="5" t="s">
        <v>8</v>
      </c>
      <c r="C120" s="5" t="s">
        <v>371</v>
      </c>
      <c r="D120" s="6" t="s">
        <v>396</v>
      </c>
      <c r="E120" s="5" t="s">
        <v>397</v>
      </c>
      <c r="F120" s="7">
        <v>23367</v>
      </c>
      <c r="G120" s="5" t="s">
        <v>398</v>
      </c>
      <c r="H120" s="6" t="s">
        <v>77</v>
      </c>
      <c r="I120" s="8">
        <v>43816</v>
      </c>
    </row>
    <row r="121" spans="1:9" ht="24" x14ac:dyDescent="0.2">
      <c r="A121" s="4">
        <v>43556</v>
      </c>
      <c r="B121" s="5" t="s">
        <v>8</v>
      </c>
      <c r="C121" s="5" t="s">
        <v>399</v>
      </c>
      <c r="D121" s="6" t="s">
        <v>400</v>
      </c>
      <c r="E121" s="5" t="s">
        <v>159</v>
      </c>
      <c r="F121" s="7">
        <v>14597</v>
      </c>
      <c r="G121" s="5" t="s">
        <v>401</v>
      </c>
      <c r="H121" s="6" t="s">
        <v>402</v>
      </c>
      <c r="I121" s="8">
        <v>43739</v>
      </c>
    </row>
    <row r="122" spans="1:9" ht="24" x14ac:dyDescent="0.2">
      <c r="A122" s="4">
        <v>43556</v>
      </c>
      <c r="B122" s="5" t="s">
        <v>8</v>
      </c>
      <c r="C122" s="5" t="s">
        <v>399</v>
      </c>
      <c r="D122" s="6" t="s">
        <v>403</v>
      </c>
      <c r="E122" s="5" t="s">
        <v>404</v>
      </c>
      <c r="F122" s="7">
        <v>30456</v>
      </c>
      <c r="G122" s="5" t="s">
        <v>405</v>
      </c>
      <c r="H122" s="6" t="s">
        <v>406</v>
      </c>
      <c r="I122" s="8">
        <v>43741</v>
      </c>
    </row>
    <row r="123" spans="1:9" ht="24" x14ac:dyDescent="0.2">
      <c r="A123" s="4">
        <v>43556</v>
      </c>
      <c r="B123" s="5" t="s">
        <v>8</v>
      </c>
      <c r="C123" s="5" t="s">
        <v>399</v>
      </c>
      <c r="D123" s="6" t="s">
        <v>407</v>
      </c>
      <c r="E123" s="5" t="s">
        <v>408</v>
      </c>
      <c r="F123" s="7">
        <v>32780</v>
      </c>
      <c r="G123" s="5" t="s">
        <v>57</v>
      </c>
      <c r="H123" s="6" t="s">
        <v>58</v>
      </c>
      <c r="I123" s="8">
        <v>43745</v>
      </c>
    </row>
    <row r="124" spans="1:9" ht="24" x14ac:dyDescent="0.2">
      <c r="A124" s="4">
        <v>43556</v>
      </c>
      <c r="B124" s="5" t="s">
        <v>8</v>
      </c>
      <c r="C124" s="5" t="s">
        <v>399</v>
      </c>
      <c r="D124" s="6" t="s">
        <v>409</v>
      </c>
      <c r="E124" s="5" t="s">
        <v>410</v>
      </c>
      <c r="F124" s="7">
        <v>18150</v>
      </c>
      <c r="G124" s="5" t="s">
        <v>411</v>
      </c>
      <c r="H124" s="6" t="s">
        <v>412</v>
      </c>
      <c r="I124" s="8">
        <v>43759</v>
      </c>
    </row>
    <row r="125" spans="1:9" ht="24" x14ac:dyDescent="0.2">
      <c r="A125" s="4">
        <v>43556</v>
      </c>
      <c r="B125" s="5" t="s">
        <v>8</v>
      </c>
      <c r="C125" s="5" t="s">
        <v>399</v>
      </c>
      <c r="D125" s="6" t="s">
        <v>413</v>
      </c>
      <c r="E125" s="5" t="s">
        <v>414</v>
      </c>
      <c r="F125" s="7">
        <v>4004</v>
      </c>
      <c r="G125" s="5" t="s">
        <v>346</v>
      </c>
      <c r="H125" s="6" t="s">
        <v>347</v>
      </c>
      <c r="I125" s="8">
        <v>43768</v>
      </c>
    </row>
    <row r="126" spans="1:9" ht="24" x14ac:dyDescent="0.2">
      <c r="A126" s="4">
        <v>43556</v>
      </c>
      <c r="B126" s="5" t="s">
        <v>8</v>
      </c>
      <c r="C126" s="5" t="s">
        <v>399</v>
      </c>
      <c r="D126" s="6" t="s">
        <v>415</v>
      </c>
      <c r="E126" s="5" t="s">
        <v>103</v>
      </c>
      <c r="F126" s="7">
        <v>1738</v>
      </c>
      <c r="G126" s="5" t="s">
        <v>416</v>
      </c>
      <c r="H126" s="6" t="s">
        <v>353</v>
      </c>
      <c r="I126" s="8">
        <v>43776</v>
      </c>
    </row>
    <row r="127" spans="1:9" ht="24" x14ac:dyDescent="0.2">
      <c r="A127" s="4">
        <v>43556</v>
      </c>
      <c r="B127" s="5" t="s">
        <v>8</v>
      </c>
      <c r="C127" s="5" t="s">
        <v>399</v>
      </c>
      <c r="D127" s="6" t="s">
        <v>417</v>
      </c>
      <c r="E127" s="5" t="s">
        <v>408</v>
      </c>
      <c r="F127" s="7">
        <v>12210</v>
      </c>
      <c r="G127" s="5" t="s">
        <v>418</v>
      </c>
      <c r="H127" s="6" t="s">
        <v>419</v>
      </c>
      <c r="I127" s="8">
        <v>43782</v>
      </c>
    </row>
    <row r="128" spans="1:9" ht="24" x14ac:dyDescent="0.2">
      <c r="A128" s="4">
        <v>43556</v>
      </c>
      <c r="B128" s="5" t="s">
        <v>8</v>
      </c>
      <c r="C128" s="5" t="s">
        <v>399</v>
      </c>
      <c r="D128" s="6" t="s">
        <v>420</v>
      </c>
      <c r="E128" s="5" t="s">
        <v>103</v>
      </c>
      <c r="F128" s="7">
        <v>15950</v>
      </c>
      <c r="G128" s="5" t="s">
        <v>57</v>
      </c>
      <c r="H128" s="6" t="s">
        <v>58</v>
      </c>
      <c r="I128" s="8">
        <v>43795</v>
      </c>
    </row>
    <row r="129" spans="1:9" ht="24" x14ac:dyDescent="0.2">
      <c r="A129" s="4">
        <v>43556</v>
      </c>
      <c r="B129" s="5" t="s">
        <v>8</v>
      </c>
      <c r="C129" s="5" t="s">
        <v>399</v>
      </c>
      <c r="D129" s="6" t="s">
        <v>421</v>
      </c>
      <c r="E129" s="5" t="s">
        <v>422</v>
      </c>
      <c r="F129" s="7">
        <v>7590</v>
      </c>
      <c r="G129" s="5" t="s">
        <v>423</v>
      </c>
      <c r="H129" s="6" t="s">
        <v>424</v>
      </c>
      <c r="I129" s="8">
        <v>43795</v>
      </c>
    </row>
    <row r="130" spans="1:9" ht="24" x14ac:dyDescent="0.2">
      <c r="A130" s="4">
        <v>43556</v>
      </c>
      <c r="B130" s="5" t="s">
        <v>8</v>
      </c>
      <c r="C130" s="5" t="s">
        <v>399</v>
      </c>
      <c r="D130" s="6" t="s">
        <v>425</v>
      </c>
      <c r="E130" s="5" t="s">
        <v>426</v>
      </c>
      <c r="F130" s="7">
        <v>6000</v>
      </c>
      <c r="G130" s="5" t="s">
        <v>427</v>
      </c>
      <c r="H130" s="6" t="s">
        <v>77</v>
      </c>
      <c r="I130" s="8">
        <v>43796</v>
      </c>
    </row>
    <row r="131" spans="1:9" x14ac:dyDescent="0.2">
      <c r="A131" s="4">
        <v>43556</v>
      </c>
      <c r="B131" s="5" t="s">
        <v>8</v>
      </c>
      <c r="C131" s="5" t="s">
        <v>399</v>
      </c>
      <c r="D131" s="6" t="s">
        <v>428</v>
      </c>
      <c r="E131" s="5" t="s">
        <v>103</v>
      </c>
      <c r="F131" s="7">
        <v>550</v>
      </c>
      <c r="G131" s="5" t="s">
        <v>638</v>
      </c>
      <c r="H131" s="6" t="s">
        <v>77</v>
      </c>
      <c r="I131" s="8">
        <v>43796</v>
      </c>
    </row>
    <row r="132" spans="1:9" ht="24" x14ac:dyDescent="0.2">
      <c r="A132" s="4">
        <v>43556</v>
      </c>
      <c r="B132" s="5" t="s">
        <v>8</v>
      </c>
      <c r="C132" s="5" t="s">
        <v>399</v>
      </c>
      <c r="D132" s="6" t="s">
        <v>429</v>
      </c>
      <c r="E132" s="5" t="s">
        <v>103</v>
      </c>
      <c r="F132" s="7">
        <v>32670</v>
      </c>
      <c r="G132" s="5" t="s">
        <v>418</v>
      </c>
      <c r="H132" s="6" t="s">
        <v>419</v>
      </c>
      <c r="I132" s="8">
        <v>43801</v>
      </c>
    </row>
    <row r="133" spans="1:9" ht="24" x14ac:dyDescent="0.2">
      <c r="A133" s="4">
        <v>43556</v>
      </c>
      <c r="B133" s="5" t="s">
        <v>8</v>
      </c>
      <c r="C133" s="5" t="s">
        <v>399</v>
      </c>
      <c r="D133" s="6" t="s">
        <v>430</v>
      </c>
      <c r="E133" s="5" t="s">
        <v>103</v>
      </c>
      <c r="F133" s="7">
        <v>3921</v>
      </c>
      <c r="G133" s="5" t="s">
        <v>418</v>
      </c>
      <c r="H133" s="6" t="s">
        <v>419</v>
      </c>
      <c r="I133" s="8">
        <v>43802</v>
      </c>
    </row>
    <row r="134" spans="1:9" ht="24" x14ac:dyDescent="0.2">
      <c r="A134" s="4">
        <v>43556</v>
      </c>
      <c r="B134" s="5" t="s">
        <v>8</v>
      </c>
      <c r="C134" s="5" t="s">
        <v>399</v>
      </c>
      <c r="D134" s="6" t="s">
        <v>431</v>
      </c>
      <c r="E134" s="5" t="s">
        <v>432</v>
      </c>
      <c r="F134" s="7">
        <v>29400</v>
      </c>
      <c r="G134" s="5" t="s">
        <v>433</v>
      </c>
      <c r="H134" s="6" t="s">
        <v>434</v>
      </c>
      <c r="I134" s="8">
        <v>43808</v>
      </c>
    </row>
    <row r="135" spans="1:9" ht="24" x14ac:dyDescent="0.2">
      <c r="A135" s="4">
        <v>43556</v>
      </c>
      <c r="B135" s="5" t="s">
        <v>8</v>
      </c>
      <c r="C135" s="5" t="s">
        <v>399</v>
      </c>
      <c r="D135" s="6" t="s">
        <v>435</v>
      </c>
      <c r="E135" s="5" t="s">
        <v>103</v>
      </c>
      <c r="F135" s="7">
        <v>27280</v>
      </c>
      <c r="G135" s="5" t="s">
        <v>57</v>
      </c>
      <c r="H135" s="6" t="s">
        <v>58</v>
      </c>
      <c r="I135" s="8">
        <v>43808</v>
      </c>
    </row>
    <row r="136" spans="1:9" ht="24" x14ac:dyDescent="0.2">
      <c r="A136" s="4">
        <v>43556</v>
      </c>
      <c r="B136" s="5" t="s">
        <v>8</v>
      </c>
      <c r="C136" s="5" t="s">
        <v>399</v>
      </c>
      <c r="D136" s="6" t="s">
        <v>436</v>
      </c>
      <c r="E136" s="5" t="s">
        <v>437</v>
      </c>
      <c r="F136" s="7">
        <v>36181</v>
      </c>
      <c r="G136" s="5" t="s">
        <v>57</v>
      </c>
      <c r="H136" s="6" t="s">
        <v>58</v>
      </c>
      <c r="I136" s="8">
        <v>43809</v>
      </c>
    </row>
    <row r="137" spans="1:9" ht="24" x14ac:dyDescent="0.2">
      <c r="A137" s="4">
        <v>43556</v>
      </c>
      <c r="B137" s="5" t="s">
        <v>8</v>
      </c>
      <c r="C137" s="5" t="s">
        <v>399</v>
      </c>
      <c r="D137" s="6" t="s">
        <v>438</v>
      </c>
      <c r="E137" s="5" t="s">
        <v>251</v>
      </c>
      <c r="F137" s="7">
        <v>23367</v>
      </c>
      <c r="G137" s="5" t="s">
        <v>439</v>
      </c>
      <c r="H137" s="6" t="s">
        <v>440</v>
      </c>
      <c r="I137" s="8">
        <v>43823</v>
      </c>
    </row>
    <row r="138" spans="1:9" ht="24" x14ac:dyDescent="0.2">
      <c r="A138" s="4">
        <v>43556</v>
      </c>
      <c r="B138" s="5" t="s">
        <v>8</v>
      </c>
      <c r="C138" s="5" t="s">
        <v>399</v>
      </c>
      <c r="D138" s="6" t="s">
        <v>441</v>
      </c>
      <c r="E138" s="5" t="s">
        <v>251</v>
      </c>
      <c r="F138" s="7">
        <v>6000</v>
      </c>
      <c r="G138" s="5" t="s">
        <v>427</v>
      </c>
      <c r="H138" s="6" t="s">
        <v>77</v>
      </c>
      <c r="I138" s="8">
        <v>43823</v>
      </c>
    </row>
    <row r="139" spans="1:9" ht="24" x14ac:dyDescent="0.2">
      <c r="A139" s="4">
        <v>43556</v>
      </c>
      <c r="B139" s="5" t="s">
        <v>8</v>
      </c>
      <c r="C139" s="5" t="s">
        <v>442</v>
      </c>
      <c r="D139" s="6" t="s">
        <v>443</v>
      </c>
      <c r="E139" s="5" t="s">
        <v>444</v>
      </c>
      <c r="F139" s="7">
        <v>29400</v>
      </c>
      <c r="G139" s="5" t="s">
        <v>445</v>
      </c>
      <c r="H139" s="6" t="s">
        <v>446</v>
      </c>
      <c r="I139" s="8">
        <v>43740</v>
      </c>
    </row>
    <row r="140" spans="1:9" ht="24" x14ac:dyDescent="0.2">
      <c r="A140" s="4">
        <v>43556</v>
      </c>
      <c r="B140" s="5" t="s">
        <v>8</v>
      </c>
      <c r="C140" s="5" t="s">
        <v>442</v>
      </c>
      <c r="D140" s="6" t="s">
        <v>447</v>
      </c>
      <c r="E140" s="5" t="s">
        <v>444</v>
      </c>
      <c r="F140" s="7">
        <v>19134</v>
      </c>
      <c r="G140" s="5" t="s">
        <v>448</v>
      </c>
      <c r="H140" s="6" t="s">
        <v>77</v>
      </c>
      <c r="I140" s="8">
        <v>43740</v>
      </c>
    </row>
    <row r="141" spans="1:9" ht="24" x14ac:dyDescent="0.2">
      <c r="A141" s="4">
        <v>43556</v>
      </c>
      <c r="B141" s="5" t="s">
        <v>8</v>
      </c>
      <c r="C141" s="5" t="s">
        <v>442</v>
      </c>
      <c r="D141" s="6" t="s">
        <v>449</v>
      </c>
      <c r="E141" s="5" t="s">
        <v>450</v>
      </c>
      <c r="F141" s="7">
        <v>33096</v>
      </c>
      <c r="G141" s="5" t="s">
        <v>451</v>
      </c>
      <c r="H141" s="6" t="s">
        <v>452</v>
      </c>
      <c r="I141" s="8">
        <v>43741</v>
      </c>
    </row>
    <row r="142" spans="1:9" ht="24" x14ac:dyDescent="0.2">
      <c r="A142" s="4">
        <v>43556</v>
      </c>
      <c r="B142" s="5" t="s">
        <v>8</v>
      </c>
      <c r="C142" s="5" t="s">
        <v>442</v>
      </c>
      <c r="D142" s="6" t="s">
        <v>453</v>
      </c>
      <c r="E142" s="5" t="s">
        <v>454</v>
      </c>
      <c r="F142" s="7">
        <v>5500</v>
      </c>
      <c r="G142" s="5" t="s">
        <v>455</v>
      </c>
      <c r="H142" s="6" t="s">
        <v>456</v>
      </c>
      <c r="I142" s="8">
        <v>43769</v>
      </c>
    </row>
    <row r="143" spans="1:9" ht="24" x14ac:dyDescent="0.2">
      <c r="A143" s="4">
        <v>43556</v>
      </c>
      <c r="B143" s="5" t="s">
        <v>8</v>
      </c>
      <c r="C143" s="5" t="s">
        <v>442</v>
      </c>
      <c r="D143" s="6" t="s">
        <v>457</v>
      </c>
      <c r="E143" s="5" t="s">
        <v>458</v>
      </c>
      <c r="F143" s="7">
        <v>25047</v>
      </c>
      <c r="G143" s="5" t="s">
        <v>451</v>
      </c>
      <c r="H143" s="6" t="s">
        <v>452</v>
      </c>
      <c r="I143" s="8">
        <v>43774</v>
      </c>
    </row>
    <row r="144" spans="1:9" ht="24" x14ac:dyDescent="0.2">
      <c r="A144" s="4">
        <v>43556</v>
      </c>
      <c r="B144" s="5" t="s">
        <v>8</v>
      </c>
      <c r="C144" s="5" t="s">
        <v>442</v>
      </c>
      <c r="D144" s="6" t="s">
        <v>459</v>
      </c>
      <c r="E144" s="5" t="s">
        <v>460</v>
      </c>
      <c r="F144" s="7">
        <v>39012</v>
      </c>
      <c r="G144" s="5" t="s">
        <v>451</v>
      </c>
      <c r="H144" s="6" t="s">
        <v>452</v>
      </c>
      <c r="I144" s="8">
        <v>43801</v>
      </c>
    </row>
    <row r="145" spans="1:9" ht="24" x14ac:dyDescent="0.2">
      <c r="A145" s="4">
        <v>43556</v>
      </c>
      <c r="B145" s="5" t="s">
        <v>8</v>
      </c>
      <c r="C145" s="5" t="s">
        <v>442</v>
      </c>
      <c r="D145" s="6" t="s">
        <v>461</v>
      </c>
      <c r="E145" s="5" t="s">
        <v>295</v>
      </c>
      <c r="F145" s="7">
        <v>31262</v>
      </c>
      <c r="G145" s="5" t="s">
        <v>462</v>
      </c>
      <c r="H145" s="6" t="s">
        <v>463</v>
      </c>
      <c r="I145" s="8">
        <v>43811</v>
      </c>
    </row>
    <row r="146" spans="1:9" ht="24" x14ac:dyDescent="0.2">
      <c r="A146" s="4">
        <v>43556</v>
      </c>
      <c r="B146" s="5" t="s">
        <v>8</v>
      </c>
      <c r="C146" s="5" t="s">
        <v>464</v>
      </c>
      <c r="D146" s="6" t="s">
        <v>465</v>
      </c>
      <c r="E146" s="5" t="s">
        <v>466</v>
      </c>
      <c r="F146" s="7">
        <v>47229</v>
      </c>
      <c r="G146" s="5" t="s">
        <v>467</v>
      </c>
      <c r="H146" s="6" t="s">
        <v>468</v>
      </c>
      <c r="I146" s="8">
        <v>43746</v>
      </c>
    </row>
    <row r="147" spans="1:9" ht="24" x14ac:dyDescent="0.2">
      <c r="A147" s="4">
        <v>43556</v>
      </c>
      <c r="B147" s="5" t="s">
        <v>8</v>
      </c>
      <c r="C147" s="5" t="s">
        <v>464</v>
      </c>
      <c r="D147" s="6" t="s">
        <v>469</v>
      </c>
      <c r="E147" s="5" t="s">
        <v>470</v>
      </c>
      <c r="F147" s="7">
        <v>61600</v>
      </c>
      <c r="G147" s="5" t="s">
        <v>471</v>
      </c>
      <c r="H147" s="6" t="s">
        <v>472</v>
      </c>
      <c r="I147" s="8">
        <v>43756</v>
      </c>
    </row>
    <row r="148" spans="1:9" ht="24" x14ac:dyDescent="0.2">
      <c r="A148" s="4">
        <v>43556</v>
      </c>
      <c r="B148" s="5" t="s">
        <v>8</v>
      </c>
      <c r="C148" s="5" t="s">
        <v>464</v>
      </c>
      <c r="D148" s="6" t="s">
        <v>473</v>
      </c>
      <c r="E148" s="5" t="s">
        <v>474</v>
      </c>
      <c r="F148" s="7">
        <v>5000</v>
      </c>
      <c r="G148" s="5" t="s">
        <v>475</v>
      </c>
      <c r="H148" s="6" t="s">
        <v>77</v>
      </c>
      <c r="I148" s="8">
        <v>43768</v>
      </c>
    </row>
    <row r="149" spans="1:9" ht="24" x14ac:dyDescent="0.2">
      <c r="A149" s="4">
        <v>43556</v>
      </c>
      <c r="B149" s="5" t="s">
        <v>8</v>
      </c>
      <c r="C149" s="5" t="s">
        <v>464</v>
      </c>
      <c r="D149" s="6" t="s">
        <v>476</v>
      </c>
      <c r="E149" s="5" t="s">
        <v>477</v>
      </c>
      <c r="F149" s="7">
        <v>57200</v>
      </c>
      <c r="G149" s="5" t="s">
        <v>478</v>
      </c>
      <c r="H149" s="6" t="s">
        <v>50</v>
      </c>
      <c r="I149" s="8">
        <v>43776</v>
      </c>
    </row>
    <row r="150" spans="1:9" ht="24" x14ac:dyDescent="0.2">
      <c r="A150" s="4">
        <v>43556</v>
      </c>
      <c r="B150" s="5" t="s">
        <v>8</v>
      </c>
      <c r="C150" s="5" t="s">
        <v>464</v>
      </c>
      <c r="D150" s="6" t="s">
        <v>479</v>
      </c>
      <c r="E150" s="5" t="s">
        <v>480</v>
      </c>
      <c r="F150" s="7">
        <v>222750</v>
      </c>
      <c r="G150" s="5" t="s">
        <v>481</v>
      </c>
      <c r="H150" s="6" t="s">
        <v>482</v>
      </c>
      <c r="I150" s="8">
        <v>43777</v>
      </c>
    </row>
    <row r="151" spans="1:9" ht="24" x14ac:dyDescent="0.2">
      <c r="A151" s="4">
        <v>43556</v>
      </c>
      <c r="B151" s="5" t="s">
        <v>8</v>
      </c>
      <c r="C151" s="5" t="s">
        <v>464</v>
      </c>
      <c r="D151" s="6" t="s">
        <v>483</v>
      </c>
      <c r="E151" s="5" t="s">
        <v>484</v>
      </c>
      <c r="F151" s="7">
        <v>17820</v>
      </c>
      <c r="G151" s="5" t="s">
        <v>471</v>
      </c>
      <c r="H151" s="6" t="s">
        <v>472</v>
      </c>
      <c r="I151" s="8">
        <v>43782</v>
      </c>
    </row>
    <row r="152" spans="1:9" ht="24" x14ac:dyDescent="0.2">
      <c r="A152" s="4">
        <v>43556</v>
      </c>
      <c r="B152" s="5" t="s">
        <v>8</v>
      </c>
      <c r="C152" s="5" t="s">
        <v>464</v>
      </c>
      <c r="D152" s="6" t="s">
        <v>485</v>
      </c>
      <c r="E152" s="5" t="s">
        <v>486</v>
      </c>
      <c r="F152" s="7">
        <v>14905</v>
      </c>
      <c r="G152" s="5" t="s">
        <v>467</v>
      </c>
      <c r="H152" s="6" t="s">
        <v>468</v>
      </c>
      <c r="I152" s="8">
        <v>43782</v>
      </c>
    </row>
    <row r="153" spans="1:9" ht="24" x14ac:dyDescent="0.2">
      <c r="A153" s="4">
        <v>43556</v>
      </c>
      <c r="B153" s="5" t="s">
        <v>8</v>
      </c>
      <c r="C153" s="5" t="s">
        <v>464</v>
      </c>
      <c r="D153" s="6" t="s">
        <v>487</v>
      </c>
      <c r="E153" s="5" t="s">
        <v>488</v>
      </c>
      <c r="F153" s="7">
        <v>5000</v>
      </c>
      <c r="G153" s="5" t="s">
        <v>639</v>
      </c>
      <c r="H153" s="6" t="s">
        <v>77</v>
      </c>
      <c r="I153" s="8">
        <v>43790</v>
      </c>
    </row>
    <row r="154" spans="1:9" ht="24" x14ac:dyDescent="0.2">
      <c r="A154" s="4">
        <v>43556</v>
      </c>
      <c r="B154" s="5" t="s">
        <v>8</v>
      </c>
      <c r="C154" s="5" t="s">
        <v>464</v>
      </c>
      <c r="D154" s="6" t="s">
        <v>489</v>
      </c>
      <c r="E154" s="5" t="s">
        <v>490</v>
      </c>
      <c r="F154" s="7">
        <v>19525</v>
      </c>
      <c r="G154" s="5" t="s">
        <v>491</v>
      </c>
      <c r="H154" s="6" t="s">
        <v>321</v>
      </c>
      <c r="I154" s="8">
        <v>43795</v>
      </c>
    </row>
    <row r="155" spans="1:9" ht="24" x14ac:dyDescent="0.2">
      <c r="A155" s="4">
        <v>43556</v>
      </c>
      <c r="B155" s="5" t="s">
        <v>8</v>
      </c>
      <c r="C155" s="5" t="s">
        <v>464</v>
      </c>
      <c r="D155" s="6" t="s">
        <v>492</v>
      </c>
      <c r="E155" s="5" t="s">
        <v>493</v>
      </c>
      <c r="F155" s="7">
        <v>30250</v>
      </c>
      <c r="G155" s="5" t="s">
        <v>89</v>
      </c>
      <c r="H155" s="6" t="s">
        <v>90</v>
      </c>
      <c r="I155" s="8">
        <v>43797</v>
      </c>
    </row>
    <row r="156" spans="1:9" ht="24" x14ac:dyDescent="0.2">
      <c r="A156" s="4">
        <v>43556</v>
      </c>
      <c r="B156" s="5" t="s">
        <v>8</v>
      </c>
      <c r="C156" s="5" t="s">
        <v>464</v>
      </c>
      <c r="D156" s="6" t="s">
        <v>494</v>
      </c>
      <c r="E156" s="5" t="s">
        <v>493</v>
      </c>
      <c r="F156" s="7">
        <v>6110</v>
      </c>
      <c r="G156" s="5" t="s">
        <v>89</v>
      </c>
      <c r="H156" s="6" t="s">
        <v>90</v>
      </c>
      <c r="I156" s="8">
        <v>43808</v>
      </c>
    </row>
    <row r="157" spans="1:9" ht="24" x14ac:dyDescent="0.2">
      <c r="A157" s="4">
        <v>43556</v>
      </c>
      <c r="B157" s="5" t="s">
        <v>8</v>
      </c>
      <c r="C157" s="5" t="s">
        <v>464</v>
      </c>
      <c r="D157" s="6" t="s">
        <v>495</v>
      </c>
      <c r="E157" s="5" t="s">
        <v>496</v>
      </c>
      <c r="F157" s="7">
        <v>3564</v>
      </c>
      <c r="G157" s="5" t="s">
        <v>471</v>
      </c>
      <c r="H157" s="6" t="s">
        <v>472</v>
      </c>
      <c r="I157" s="8">
        <v>43815</v>
      </c>
    </row>
    <row r="158" spans="1:9" ht="24" x14ac:dyDescent="0.2">
      <c r="A158" s="4">
        <v>43556</v>
      </c>
      <c r="B158" s="5" t="s">
        <v>8</v>
      </c>
      <c r="C158" s="5" t="s">
        <v>464</v>
      </c>
      <c r="D158" s="6" t="s">
        <v>497</v>
      </c>
      <c r="E158" s="5" t="s">
        <v>498</v>
      </c>
      <c r="F158" s="7">
        <v>85743</v>
      </c>
      <c r="G158" s="5" t="s">
        <v>467</v>
      </c>
      <c r="H158" s="6" t="s">
        <v>468</v>
      </c>
      <c r="I158" s="8">
        <v>43819</v>
      </c>
    </row>
    <row r="159" spans="1:9" ht="24" x14ac:dyDescent="0.2">
      <c r="A159" s="4">
        <v>43556</v>
      </c>
      <c r="B159" s="5" t="s">
        <v>8</v>
      </c>
      <c r="C159" s="5" t="s">
        <v>464</v>
      </c>
      <c r="D159" s="6" t="s">
        <v>499</v>
      </c>
      <c r="E159" s="5" t="s">
        <v>500</v>
      </c>
      <c r="F159" s="7">
        <v>5000</v>
      </c>
      <c r="G159" s="5" t="s">
        <v>640</v>
      </c>
      <c r="H159" s="6" t="s">
        <v>77</v>
      </c>
      <c r="I159" s="8">
        <v>43819</v>
      </c>
    </row>
    <row r="160" spans="1:9" ht="24" x14ac:dyDescent="0.2">
      <c r="A160" s="4">
        <v>43556</v>
      </c>
      <c r="B160" s="5" t="s">
        <v>8</v>
      </c>
      <c r="C160" s="5" t="s">
        <v>501</v>
      </c>
      <c r="D160" s="6" t="s">
        <v>502</v>
      </c>
      <c r="E160" s="5" t="s">
        <v>503</v>
      </c>
      <c r="F160" s="7">
        <v>2728</v>
      </c>
      <c r="G160" s="5" t="s">
        <v>504</v>
      </c>
      <c r="H160" s="6" t="s">
        <v>505</v>
      </c>
      <c r="I160" s="8">
        <v>43740</v>
      </c>
    </row>
    <row r="161" spans="1:9" ht="24" x14ac:dyDescent="0.2">
      <c r="A161" s="4">
        <v>43556</v>
      </c>
      <c r="B161" s="5" t="s">
        <v>8</v>
      </c>
      <c r="C161" s="5" t="s">
        <v>501</v>
      </c>
      <c r="D161" s="6" t="s">
        <v>506</v>
      </c>
      <c r="E161" s="5" t="s">
        <v>507</v>
      </c>
      <c r="F161" s="7">
        <v>3850</v>
      </c>
      <c r="G161" s="5" t="s">
        <v>508</v>
      </c>
      <c r="H161" s="6" t="s">
        <v>509</v>
      </c>
      <c r="I161" s="8">
        <v>43746</v>
      </c>
    </row>
    <row r="162" spans="1:9" x14ac:dyDescent="0.2">
      <c r="A162" s="4">
        <v>43556</v>
      </c>
      <c r="B162" s="5" t="s">
        <v>8</v>
      </c>
      <c r="C162" s="5" t="s">
        <v>501</v>
      </c>
      <c r="D162" s="6" t="s">
        <v>510</v>
      </c>
      <c r="E162" s="5" t="s">
        <v>511</v>
      </c>
      <c r="F162" s="7">
        <v>6000</v>
      </c>
      <c r="G162" s="5" t="s">
        <v>512</v>
      </c>
      <c r="H162" s="6" t="s">
        <v>77</v>
      </c>
      <c r="I162" s="8">
        <v>43762</v>
      </c>
    </row>
    <row r="163" spans="1:9" ht="24" x14ac:dyDescent="0.2">
      <c r="A163" s="4">
        <v>43556</v>
      </c>
      <c r="B163" s="5" t="s">
        <v>8</v>
      </c>
      <c r="C163" s="5" t="s">
        <v>501</v>
      </c>
      <c r="D163" s="6" t="s">
        <v>513</v>
      </c>
      <c r="E163" s="5" t="s">
        <v>514</v>
      </c>
      <c r="F163" s="7">
        <v>26840</v>
      </c>
      <c r="G163" s="5" t="s">
        <v>515</v>
      </c>
      <c r="H163" s="6" t="s">
        <v>516</v>
      </c>
      <c r="I163" s="8">
        <v>43769</v>
      </c>
    </row>
    <row r="164" spans="1:9" ht="24" x14ac:dyDescent="0.2">
      <c r="A164" s="4">
        <v>43556</v>
      </c>
      <c r="B164" s="5" t="s">
        <v>8</v>
      </c>
      <c r="C164" s="5" t="s">
        <v>501</v>
      </c>
      <c r="D164" s="6" t="s">
        <v>517</v>
      </c>
      <c r="E164" s="5" t="s">
        <v>518</v>
      </c>
      <c r="F164" s="7">
        <v>5200</v>
      </c>
      <c r="G164" s="5" t="s">
        <v>519</v>
      </c>
      <c r="H164" s="6" t="s">
        <v>520</v>
      </c>
      <c r="I164" s="8">
        <v>43782</v>
      </c>
    </row>
    <row r="165" spans="1:9" x14ac:dyDescent="0.2">
      <c r="A165" s="4">
        <v>43556</v>
      </c>
      <c r="B165" s="5" t="s">
        <v>8</v>
      </c>
      <c r="C165" s="5" t="s">
        <v>501</v>
      </c>
      <c r="D165" s="6" t="s">
        <v>521</v>
      </c>
      <c r="E165" s="5" t="s">
        <v>522</v>
      </c>
      <c r="F165" s="7">
        <v>6000</v>
      </c>
      <c r="G165" s="5" t="s">
        <v>512</v>
      </c>
      <c r="H165" s="6" t="s">
        <v>77</v>
      </c>
      <c r="I165" s="8">
        <v>43804</v>
      </c>
    </row>
    <row r="166" spans="1:9" ht="24" x14ac:dyDescent="0.2">
      <c r="A166" s="4">
        <v>43556</v>
      </c>
      <c r="B166" s="5" t="s">
        <v>8</v>
      </c>
      <c r="C166" s="5" t="s">
        <v>501</v>
      </c>
      <c r="D166" s="6" t="s">
        <v>523</v>
      </c>
      <c r="E166" s="5" t="s">
        <v>524</v>
      </c>
      <c r="F166" s="7">
        <v>22616</v>
      </c>
      <c r="G166" s="5" t="s">
        <v>346</v>
      </c>
      <c r="H166" s="6" t="s">
        <v>347</v>
      </c>
      <c r="I166" s="8">
        <v>43816</v>
      </c>
    </row>
    <row r="167" spans="1:9" ht="24" x14ac:dyDescent="0.2">
      <c r="A167" s="4">
        <v>43556</v>
      </c>
      <c r="B167" s="5" t="s">
        <v>8</v>
      </c>
      <c r="C167" s="5" t="s">
        <v>501</v>
      </c>
      <c r="D167" s="6" t="s">
        <v>525</v>
      </c>
      <c r="E167" s="5" t="s">
        <v>526</v>
      </c>
      <c r="F167" s="7">
        <v>18590</v>
      </c>
      <c r="G167" s="5" t="s">
        <v>527</v>
      </c>
      <c r="H167" s="6" t="s">
        <v>353</v>
      </c>
      <c r="I167" s="8">
        <v>43818</v>
      </c>
    </row>
    <row r="168" spans="1:9" x14ac:dyDescent="0.2">
      <c r="A168" s="4">
        <v>43556</v>
      </c>
      <c r="B168" s="5" t="s">
        <v>8</v>
      </c>
      <c r="C168" s="5" t="s">
        <v>501</v>
      </c>
      <c r="D168" s="6" t="s">
        <v>528</v>
      </c>
      <c r="E168" s="5" t="s">
        <v>529</v>
      </c>
      <c r="F168" s="7">
        <v>6000</v>
      </c>
      <c r="G168" s="5" t="s">
        <v>641</v>
      </c>
      <c r="H168" s="6" t="s">
        <v>77</v>
      </c>
      <c r="I168" s="8">
        <v>43823</v>
      </c>
    </row>
    <row r="169" spans="1:9" ht="24" x14ac:dyDescent="0.2">
      <c r="A169" s="4">
        <v>43556</v>
      </c>
      <c r="B169" s="5" t="s">
        <v>8</v>
      </c>
      <c r="C169" s="5" t="s">
        <v>530</v>
      </c>
      <c r="D169" s="6" t="s">
        <v>531</v>
      </c>
      <c r="E169" s="5" t="s">
        <v>532</v>
      </c>
      <c r="F169" s="7">
        <v>21648</v>
      </c>
      <c r="G169" s="5" t="s">
        <v>89</v>
      </c>
      <c r="H169" s="6" t="s">
        <v>90</v>
      </c>
      <c r="I169" s="8">
        <v>43749</v>
      </c>
    </row>
    <row r="170" spans="1:9" ht="24" x14ac:dyDescent="0.2">
      <c r="A170" s="4">
        <v>43556</v>
      </c>
      <c r="B170" s="5" t="s">
        <v>8</v>
      </c>
      <c r="C170" s="5" t="s">
        <v>530</v>
      </c>
      <c r="D170" s="6" t="s">
        <v>533</v>
      </c>
      <c r="E170" s="5" t="s">
        <v>534</v>
      </c>
      <c r="F170" s="7">
        <v>18351</v>
      </c>
      <c r="G170" s="5" t="s">
        <v>535</v>
      </c>
      <c r="H170" s="6" t="s">
        <v>105</v>
      </c>
      <c r="I170" s="8">
        <v>43770</v>
      </c>
    </row>
    <row r="171" spans="1:9" ht="24" x14ac:dyDescent="0.2">
      <c r="A171" s="4">
        <v>43556</v>
      </c>
      <c r="B171" s="5" t="s">
        <v>8</v>
      </c>
      <c r="C171" s="5" t="s">
        <v>530</v>
      </c>
      <c r="D171" s="6" t="s">
        <v>536</v>
      </c>
      <c r="E171" s="5" t="s">
        <v>537</v>
      </c>
      <c r="F171" s="7">
        <v>27280</v>
      </c>
      <c r="G171" s="5" t="s">
        <v>538</v>
      </c>
      <c r="H171" s="6" t="s">
        <v>539</v>
      </c>
      <c r="I171" s="8">
        <v>43794</v>
      </c>
    </row>
    <row r="172" spans="1:9" ht="36" x14ac:dyDescent="0.2">
      <c r="A172" s="4">
        <v>43556</v>
      </c>
      <c r="B172" s="5" t="s">
        <v>8</v>
      </c>
      <c r="C172" s="5" t="s">
        <v>530</v>
      </c>
      <c r="D172" s="6" t="s">
        <v>540</v>
      </c>
      <c r="E172" s="5" t="s">
        <v>537</v>
      </c>
      <c r="F172" s="7">
        <v>14080</v>
      </c>
      <c r="G172" s="5" t="s">
        <v>541</v>
      </c>
      <c r="H172" s="6" t="s">
        <v>542</v>
      </c>
      <c r="I172" s="8">
        <v>43795</v>
      </c>
    </row>
    <row r="173" spans="1:9" ht="24" x14ac:dyDescent="0.2">
      <c r="A173" s="4">
        <v>43556</v>
      </c>
      <c r="B173" s="5" t="s">
        <v>8</v>
      </c>
      <c r="C173" s="5" t="s">
        <v>530</v>
      </c>
      <c r="D173" s="6" t="s">
        <v>543</v>
      </c>
      <c r="E173" s="5" t="s">
        <v>544</v>
      </c>
      <c r="F173" s="7">
        <v>97141</v>
      </c>
      <c r="G173" s="5" t="s">
        <v>535</v>
      </c>
      <c r="H173" s="6" t="s">
        <v>105</v>
      </c>
      <c r="I173" s="8">
        <v>43803</v>
      </c>
    </row>
    <row r="174" spans="1:9" ht="24" x14ac:dyDescent="0.2">
      <c r="A174" s="4">
        <v>43556</v>
      </c>
      <c r="B174" s="5" t="s">
        <v>8</v>
      </c>
      <c r="C174" s="5" t="s">
        <v>530</v>
      </c>
      <c r="D174" s="6" t="s">
        <v>545</v>
      </c>
      <c r="E174" s="5" t="s">
        <v>546</v>
      </c>
      <c r="F174" s="7">
        <v>26682</v>
      </c>
      <c r="G174" s="5" t="s">
        <v>214</v>
      </c>
      <c r="H174" s="6" t="s">
        <v>215</v>
      </c>
      <c r="I174" s="8">
        <v>43812</v>
      </c>
    </row>
    <row r="175" spans="1:9" ht="24" x14ac:dyDescent="0.2">
      <c r="A175" s="4">
        <v>43556</v>
      </c>
      <c r="B175" s="5" t="s">
        <v>8</v>
      </c>
      <c r="C175" s="5" t="s">
        <v>547</v>
      </c>
      <c r="D175" s="6" t="s">
        <v>548</v>
      </c>
      <c r="E175" s="5" t="s">
        <v>549</v>
      </c>
      <c r="F175" s="7">
        <v>27000</v>
      </c>
      <c r="G175" s="5" t="s">
        <v>550</v>
      </c>
      <c r="H175" s="6" t="s">
        <v>77</v>
      </c>
      <c r="I175" s="8">
        <v>43739</v>
      </c>
    </row>
    <row r="176" spans="1:9" ht="24" x14ac:dyDescent="0.2">
      <c r="A176" s="4">
        <v>43556</v>
      </c>
      <c r="B176" s="5" t="s">
        <v>8</v>
      </c>
      <c r="C176" s="5" t="s">
        <v>547</v>
      </c>
      <c r="D176" s="6" t="s">
        <v>551</v>
      </c>
      <c r="E176" s="5" t="s">
        <v>552</v>
      </c>
      <c r="F176" s="7">
        <v>15290</v>
      </c>
      <c r="G176" s="5" t="s">
        <v>553</v>
      </c>
      <c r="H176" s="6" t="s">
        <v>554</v>
      </c>
      <c r="I176" s="8">
        <v>43787</v>
      </c>
    </row>
    <row r="177" spans="1:9" ht="24" x14ac:dyDescent="0.2">
      <c r="A177" s="4">
        <v>43556</v>
      </c>
      <c r="B177" s="5" t="s">
        <v>8</v>
      </c>
      <c r="C177" s="5" t="s">
        <v>547</v>
      </c>
      <c r="D177" s="6" t="s">
        <v>555</v>
      </c>
      <c r="E177" s="5" t="s">
        <v>556</v>
      </c>
      <c r="F177" s="7">
        <v>97196</v>
      </c>
      <c r="G177" s="5" t="s">
        <v>557</v>
      </c>
      <c r="H177" s="6" t="s">
        <v>558</v>
      </c>
      <c r="I177" s="8">
        <v>43825</v>
      </c>
    </row>
    <row r="178" spans="1:9" ht="24" x14ac:dyDescent="0.2">
      <c r="A178" s="4">
        <v>43556</v>
      </c>
      <c r="B178" s="5" t="s">
        <v>8</v>
      </c>
      <c r="C178" s="5" t="s">
        <v>559</v>
      </c>
      <c r="D178" s="6" t="s">
        <v>560</v>
      </c>
      <c r="E178" s="5" t="s">
        <v>561</v>
      </c>
      <c r="F178" s="7">
        <v>3747</v>
      </c>
      <c r="G178" s="5" t="s">
        <v>61</v>
      </c>
      <c r="H178" s="6" t="s">
        <v>62</v>
      </c>
      <c r="I178" s="8">
        <v>43795</v>
      </c>
    </row>
    <row r="179" spans="1:9" ht="24" x14ac:dyDescent="0.2">
      <c r="A179" s="4">
        <v>43556</v>
      </c>
      <c r="B179" s="5" t="s">
        <v>8</v>
      </c>
      <c r="C179" s="5" t="s">
        <v>559</v>
      </c>
      <c r="D179" s="6" t="s">
        <v>562</v>
      </c>
      <c r="E179" s="5" t="s">
        <v>563</v>
      </c>
      <c r="F179" s="7">
        <v>17105</v>
      </c>
      <c r="G179" s="5" t="s">
        <v>24</v>
      </c>
      <c r="H179" s="6" t="s">
        <v>25</v>
      </c>
      <c r="I179" s="8">
        <v>43801</v>
      </c>
    </row>
    <row r="180" spans="1:9" ht="24" x14ac:dyDescent="0.2">
      <c r="A180" s="4">
        <v>43556</v>
      </c>
      <c r="B180" s="5" t="s">
        <v>8</v>
      </c>
      <c r="C180" s="5" t="s">
        <v>564</v>
      </c>
      <c r="D180" s="6" t="s">
        <v>565</v>
      </c>
      <c r="E180" s="5" t="s">
        <v>566</v>
      </c>
      <c r="F180" s="7">
        <v>15400</v>
      </c>
      <c r="G180" s="5" t="s">
        <v>642</v>
      </c>
      <c r="H180" s="6" t="s">
        <v>77</v>
      </c>
      <c r="I180" s="8">
        <v>43739</v>
      </c>
    </row>
    <row r="181" spans="1:9" ht="24" x14ac:dyDescent="0.2">
      <c r="A181" s="4">
        <v>43556</v>
      </c>
      <c r="B181" s="5" t="s">
        <v>8</v>
      </c>
      <c r="C181" s="5" t="s">
        <v>564</v>
      </c>
      <c r="D181" s="6" t="s">
        <v>567</v>
      </c>
      <c r="E181" s="5" t="s">
        <v>568</v>
      </c>
      <c r="F181" s="7">
        <v>80520</v>
      </c>
      <c r="G181" s="5" t="s">
        <v>569</v>
      </c>
      <c r="H181" s="6" t="s">
        <v>570</v>
      </c>
      <c r="I181" s="8">
        <v>43755</v>
      </c>
    </row>
    <row r="182" spans="1:9" ht="24" x14ac:dyDescent="0.2">
      <c r="A182" s="4">
        <v>43556</v>
      </c>
      <c r="B182" s="5" t="s">
        <v>8</v>
      </c>
      <c r="C182" s="5" t="s">
        <v>564</v>
      </c>
      <c r="D182" s="6" t="s">
        <v>571</v>
      </c>
      <c r="E182" s="5" t="s">
        <v>572</v>
      </c>
      <c r="F182" s="7">
        <v>6700</v>
      </c>
      <c r="G182" s="5" t="s">
        <v>643</v>
      </c>
      <c r="H182" s="6" t="s">
        <v>77</v>
      </c>
      <c r="I182" s="8">
        <v>43762</v>
      </c>
    </row>
    <row r="183" spans="1:9" ht="24" x14ac:dyDescent="0.2">
      <c r="A183" s="4">
        <v>43556</v>
      </c>
      <c r="B183" s="5" t="s">
        <v>8</v>
      </c>
      <c r="C183" s="5" t="s">
        <v>564</v>
      </c>
      <c r="D183" s="6" t="s">
        <v>573</v>
      </c>
      <c r="E183" s="5" t="s">
        <v>574</v>
      </c>
      <c r="F183" s="7">
        <v>85800</v>
      </c>
      <c r="G183" s="5" t="s">
        <v>575</v>
      </c>
      <c r="H183" s="6" t="s">
        <v>576</v>
      </c>
      <c r="I183" s="8">
        <v>43763</v>
      </c>
    </row>
    <row r="184" spans="1:9" x14ac:dyDescent="0.2">
      <c r="A184" s="4">
        <v>43556</v>
      </c>
      <c r="B184" s="5" t="s">
        <v>8</v>
      </c>
      <c r="C184" s="5" t="s">
        <v>564</v>
      </c>
      <c r="D184" s="6" t="s">
        <v>577</v>
      </c>
      <c r="E184" s="5" t="s">
        <v>578</v>
      </c>
      <c r="F184" s="7">
        <v>59800</v>
      </c>
      <c r="G184" s="5" t="s">
        <v>643</v>
      </c>
      <c r="H184" s="6" t="s">
        <v>77</v>
      </c>
      <c r="I184" s="8">
        <v>43763</v>
      </c>
    </row>
    <row r="185" spans="1:9" ht="24" x14ac:dyDescent="0.2">
      <c r="A185" s="4">
        <v>43556</v>
      </c>
      <c r="B185" s="5" t="s">
        <v>8</v>
      </c>
      <c r="C185" s="5" t="s">
        <v>564</v>
      </c>
      <c r="D185" s="6" t="s">
        <v>579</v>
      </c>
      <c r="E185" s="5" t="s">
        <v>580</v>
      </c>
      <c r="F185" s="7">
        <v>70070</v>
      </c>
      <c r="G185" s="5" t="s">
        <v>581</v>
      </c>
      <c r="H185" s="6" t="s">
        <v>582</v>
      </c>
      <c r="I185" s="8">
        <v>43769</v>
      </c>
    </row>
    <row r="186" spans="1:9" x14ac:dyDescent="0.2">
      <c r="A186" s="4">
        <v>43556</v>
      </c>
      <c r="B186" s="5" t="s">
        <v>8</v>
      </c>
      <c r="C186" s="5" t="s">
        <v>564</v>
      </c>
      <c r="D186" s="6" t="s">
        <v>583</v>
      </c>
      <c r="E186" s="5" t="s">
        <v>584</v>
      </c>
      <c r="F186" s="7">
        <v>2800</v>
      </c>
      <c r="G186" s="5" t="s">
        <v>642</v>
      </c>
      <c r="H186" s="6" t="s">
        <v>77</v>
      </c>
      <c r="I186" s="8">
        <v>43774</v>
      </c>
    </row>
    <row r="187" spans="1:9" ht="24" x14ac:dyDescent="0.2">
      <c r="A187" s="4">
        <v>43556</v>
      </c>
      <c r="B187" s="5" t="s">
        <v>8</v>
      </c>
      <c r="C187" s="5" t="s">
        <v>564</v>
      </c>
      <c r="D187" s="6" t="s">
        <v>585</v>
      </c>
      <c r="E187" s="5" t="s">
        <v>586</v>
      </c>
      <c r="F187" s="7">
        <v>37400</v>
      </c>
      <c r="G187" s="5" t="s">
        <v>587</v>
      </c>
      <c r="H187" s="6" t="s">
        <v>588</v>
      </c>
      <c r="I187" s="8">
        <v>43776</v>
      </c>
    </row>
    <row r="188" spans="1:9" ht="24" x14ac:dyDescent="0.2">
      <c r="A188" s="4">
        <v>43556</v>
      </c>
      <c r="B188" s="5" t="s">
        <v>8</v>
      </c>
      <c r="C188" s="5" t="s">
        <v>564</v>
      </c>
      <c r="D188" s="6" t="s">
        <v>589</v>
      </c>
      <c r="E188" s="5" t="s">
        <v>590</v>
      </c>
      <c r="F188" s="7">
        <v>2200</v>
      </c>
      <c r="G188" s="5" t="s">
        <v>591</v>
      </c>
      <c r="H188" s="6" t="s">
        <v>592</v>
      </c>
      <c r="I188" s="8">
        <v>43777</v>
      </c>
    </row>
    <row r="189" spans="1:9" ht="24" x14ac:dyDescent="0.2">
      <c r="A189" s="4">
        <v>43556</v>
      </c>
      <c r="B189" s="5" t="s">
        <v>8</v>
      </c>
      <c r="C189" s="5" t="s">
        <v>564</v>
      </c>
      <c r="D189" s="6" t="s">
        <v>593</v>
      </c>
      <c r="E189" s="5" t="s">
        <v>594</v>
      </c>
      <c r="F189" s="7">
        <v>40700</v>
      </c>
      <c r="G189" s="5" t="s">
        <v>595</v>
      </c>
      <c r="H189" s="6" t="s">
        <v>192</v>
      </c>
      <c r="I189" s="8">
        <v>43782</v>
      </c>
    </row>
    <row r="190" spans="1:9" ht="24" x14ac:dyDescent="0.2">
      <c r="A190" s="4">
        <v>43556</v>
      </c>
      <c r="B190" s="5" t="s">
        <v>8</v>
      </c>
      <c r="C190" s="5" t="s">
        <v>564</v>
      </c>
      <c r="D190" s="6" t="s">
        <v>596</v>
      </c>
      <c r="E190" s="5" t="s">
        <v>597</v>
      </c>
      <c r="F190" s="7">
        <v>10120</v>
      </c>
      <c r="G190" s="5" t="s">
        <v>598</v>
      </c>
      <c r="H190" s="6" t="s">
        <v>599</v>
      </c>
      <c r="I190" s="8">
        <v>43783</v>
      </c>
    </row>
    <row r="191" spans="1:9" ht="24" x14ac:dyDescent="0.2">
      <c r="A191" s="4">
        <v>43556</v>
      </c>
      <c r="B191" s="5" t="s">
        <v>8</v>
      </c>
      <c r="C191" s="5" t="s">
        <v>564</v>
      </c>
      <c r="D191" s="6" t="s">
        <v>600</v>
      </c>
      <c r="E191" s="5" t="s">
        <v>601</v>
      </c>
      <c r="F191" s="7">
        <v>98670</v>
      </c>
      <c r="G191" s="5" t="s">
        <v>602</v>
      </c>
      <c r="H191" s="6" t="s">
        <v>603</v>
      </c>
      <c r="I191" s="8">
        <v>43789</v>
      </c>
    </row>
    <row r="192" spans="1:9" ht="24" x14ac:dyDescent="0.2">
      <c r="A192" s="4">
        <v>43556</v>
      </c>
      <c r="B192" s="5" t="s">
        <v>8</v>
      </c>
      <c r="C192" s="5" t="s">
        <v>564</v>
      </c>
      <c r="D192" s="6" t="s">
        <v>604</v>
      </c>
      <c r="E192" s="5" t="s">
        <v>605</v>
      </c>
      <c r="F192" s="7">
        <v>35805</v>
      </c>
      <c r="G192" s="5" t="s">
        <v>606</v>
      </c>
      <c r="H192" s="6" t="s">
        <v>607</v>
      </c>
      <c r="I192" s="8">
        <v>43794</v>
      </c>
    </row>
    <row r="193" spans="1:9" x14ac:dyDescent="0.2">
      <c r="A193" s="4">
        <v>43556</v>
      </c>
      <c r="B193" s="5" t="s">
        <v>8</v>
      </c>
      <c r="C193" s="5" t="s">
        <v>564</v>
      </c>
      <c r="D193" s="6" t="s">
        <v>608</v>
      </c>
      <c r="E193" s="5" t="s">
        <v>609</v>
      </c>
      <c r="F193" s="7">
        <v>74400</v>
      </c>
      <c r="G193" s="5" t="s">
        <v>643</v>
      </c>
      <c r="H193" s="6" t="s">
        <v>77</v>
      </c>
      <c r="I193" s="8">
        <v>43796</v>
      </c>
    </row>
    <row r="194" spans="1:9" ht="24" x14ac:dyDescent="0.2">
      <c r="A194" s="4">
        <v>43556</v>
      </c>
      <c r="B194" s="5" t="s">
        <v>8</v>
      </c>
      <c r="C194" s="5" t="s">
        <v>564</v>
      </c>
      <c r="D194" s="6" t="s">
        <v>610</v>
      </c>
      <c r="E194" s="5" t="s">
        <v>611</v>
      </c>
      <c r="F194" s="7">
        <v>54186</v>
      </c>
      <c r="G194" s="5" t="s">
        <v>612</v>
      </c>
      <c r="H194" s="6" t="s">
        <v>613</v>
      </c>
      <c r="I194" s="8">
        <v>43798</v>
      </c>
    </row>
    <row r="195" spans="1:9" ht="24" x14ac:dyDescent="0.2">
      <c r="A195" s="4">
        <v>43556</v>
      </c>
      <c r="B195" s="5" t="s">
        <v>8</v>
      </c>
      <c r="C195" s="5" t="s">
        <v>564</v>
      </c>
      <c r="D195" s="6" t="s">
        <v>614</v>
      </c>
      <c r="E195" s="5" t="s">
        <v>615</v>
      </c>
      <c r="F195" s="7">
        <v>49500</v>
      </c>
      <c r="G195" s="5" t="s">
        <v>616</v>
      </c>
      <c r="H195" s="6" t="s">
        <v>617</v>
      </c>
      <c r="I195" s="8">
        <v>43802</v>
      </c>
    </row>
    <row r="196" spans="1:9" ht="24" x14ac:dyDescent="0.2">
      <c r="A196" s="4">
        <v>43556</v>
      </c>
      <c r="B196" s="5" t="s">
        <v>8</v>
      </c>
      <c r="C196" s="5" t="s">
        <v>564</v>
      </c>
      <c r="D196" s="6" t="s">
        <v>618</v>
      </c>
      <c r="E196" s="5" t="s">
        <v>561</v>
      </c>
      <c r="F196" s="7">
        <v>19534</v>
      </c>
      <c r="G196" s="5" t="s">
        <v>619</v>
      </c>
      <c r="H196" s="6" t="s">
        <v>620</v>
      </c>
      <c r="I196" s="8">
        <v>43809</v>
      </c>
    </row>
    <row r="197" spans="1:9" ht="24" x14ac:dyDescent="0.2">
      <c r="A197" s="4">
        <v>43556</v>
      </c>
      <c r="B197" s="5" t="s">
        <v>8</v>
      </c>
      <c r="C197" s="5" t="s">
        <v>564</v>
      </c>
      <c r="D197" s="6" t="s">
        <v>621</v>
      </c>
      <c r="E197" s="5" t="s">
        <v>622</v>
      </c>
      <c r="F197" s="7">
        <v>4730</v>
      </c>
      <c r="G197" s="5" t="s">
        <v>623</v>
      </c>
      <c r="H197" s="6" t="s">
        <v>624</v>
      </c>
      <c r="I197" s="8">
        <v>43815</v>
      </c>
    </row>
    <row r="198" spans="1:9" ht="24" x14ac:dyDescent="0.2">
      <c r="A198" s="4">
        <v>43556</v>
      </c>
      <c r="B198" s="5" t="s">
        <v>8</v>
      </c>
      <c r="C198" s="5" t="s">
        <v>564</v>
      </c>
      <c r="D198" s="6" t="s">
        <v>625</v>
      </c>
      <c r="E198" s="5" t="s">
        <v>626</v>
      </c>
      <c r="F198" s="7">
        <v>11025</v>
      </c>
      <c r="G198" s="5" t="s">
        <v>94</v>
      </c>
      <c r="H198" s="6" t="s">
        <v>95</v>
      </c>
      <c r="I198" s="8">
        <v>43819</v>
      </c>
    </row>
    <row r="199" spans="1:9" x14ac:dyDescent="0.2">
      <c r="A199" s="4">
        <v>43556</v>
      </c>
      <c r="B199" s="5" t="s">
        <v>8</v>
      </c>
      <c r="C199" s="5" t="s">
        <v>564</v>
      </c>
      <c r="D199" s="6" t="s">
        <v>627</v>
      </c>
      <c r="E199" s="5" t="s">
        <v>628</v>
      </c>
      <c r="F199" s="7">
        <v>94000</v>
      </c>
      <c r="G199" s="5" t="s">
        <v>643</v>
      </c>
      <c r="H199" s="6" t="s">
        <v>77</v>
      </c>
      <c r="I199" s="8">
        <v>43824</v>
      </c>
    </row>
    <row r="200" spans="1:9" ht="24" x14ac:dyDescent="0.2">
      <c r="A200" s="4">
        <v>43556</v>
      </c>
      <c r="B200" s="5" t="s">
        <v>8</v>
      </c>
      <c r="C200" s="5" t="s">
        <v>629</v>
      </c>
      <c r="D200" s="6" t="s">
        <v>630</v>
      </c>
      <c r="E200" s="5" t="s">
        <v>631</v>
      </c>
      <c r="F200" s="7">
        <v>20218</v>
      </c>
      <c r="G200" s="5" t="s">
        <v>116</v>
      </c>
      <c r="H200" s="6" t="s">
        <v>117</v>
      </c>
      <c r="I200" s="8">
        <v>43747</v>
      </c>
    </row>
    <row r="201" spans="1:9" ht="24" x14ac:dyDescent="0.2">
      <c r="A201" s="4">
        <v>43556</v>
      </c>
      <c r="B201" s="5" t="s">
        <v>8</v>
      </c>
      <c r="C201" s="5" t="s">
        <v>629</v>
      </c>
      <c r="D201" s="6" t="s">
        <v>632</v>
      </c>
      <c r="E201" s="5" t="s">
        <v>633</v>
      </c>
      <c r="F201" s="7">
        <v>4752</v>
      </c>
      <c r="G201" s="5" t="s">
        <v>145</v>
      </c>
      <c r="H201" s="6" t="s">
        <v>146</v>
      </c>
      <c r="I201" s="8">
        <v>43763</v>
      </c>
    </row>
  </sheetData>
  <phoneticPr fontId="3"/>
  <pageMargins left="0.70866141732283472" right="0.70866141732283472" top="0.74803149606299213" bottom="0.74803149606299213" header="0.31496062992125984" footer="0.31496062992125984"/>
  <pageSetup paperSize="9" scale="82" fitToHeight="0" orientation="landscape" r:id="rId1"/>
  <headerFooter>
    <oddFooter>&amp;P / &amp;N ページ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公表用</vt:lpstr>
      <vt:lpstr>公表用!Print_Area</vt:lpstr>
      <vt:lpstr>公表用!Print_Titles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0-03-11T08:27:36Z</dcterms:created>
  <dcterms:modified xsi:type="dcterms:W3CDTF">2020-03-26T05:24:17Z</dcterms:modified>
</cp:coreProperties>
</file>